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628"/>
  <workbookPr defaultThemeVersion="166925"/>
  <mc:AlternateContent xmlns:mc="http://schemas.openxmlformats.org/markup-compatibility/2006">
    <mc:Choice Requires="x15">
      <x15ac:absPath xmlns:x15ac="http://schemas.microsoft.com/office/spreadsheetml/2010/11/ac" url="C:\Users\bmms132\Documents\Union Pacific EDI Integration Guides\"/>
    </mc:Choice>
  </mc:AlternateContent>
  <xr:revisionPtr revIDLastSave="0" documentId="8_{16E2C0EB-03A5-48C2-8BC3-FC115EC08475}" xr6:coauthVersionLast="47" xr6:coauthVersionMax="47" xr10:uidLastSave="{00000000-0000-0000-0000-000000000000}"/>
  <bookViews>
    <workbookView xWindow="-120" yWindow="-120" windowWidth="29040" windowHeight="15840" firstSheet="1" activeTab="3" xr2:uid="{45AB5C46-0911-40D0-9C7E-5F67CF6B07F3}"/>
  </bookViews>
  <sheets>
    <sheet name="Cover" sheetId="1" r:id="rId1"/>
    <sheet name="Version History" sheetId="6" r:id="rId2"/>
    <sheet name="X12 Envelope" sheetId="29" r:id="rId3"/>
    <sheet name="Process" sheetId="7" r:id="rId4"/>
    <sheet name="850 Consignment PO" sheetId="19" r:id="rId5"/>
    <sheet name="855 Order Confirmation" sheetId="22" r:id="rId6"/>
    <sheet name="856 Ship Notice" sheetId="23" r:id="rId7"/>
    <sheet name="861 Goods Receipt" sheetId="24" r:id="rId8"/>
    <sheet name="846 Consignment Movement" sheetId="25" r:id="rId9"/>
    <sheet name="810 Invoice" sheetId="28" r:id="rId10"/>
    <sheet name="Purchase Order" sheetId="30" r:id="rId11"/>
    <sheet name="Order Confirmation" sheetId="31" r:id="rId12"/>
    <sheet name="Ship Notice" sheetId="32" r:id="rId13"/>
    <sheet name="Goods Receipt" sheetId="33" r:id="rId14"/>
    <sheet name="Consignment Movement" sheetId="34" r:id="rId15"/>
    <sheet name="Invoice" sheetId="35" r:id="rId16"/>
    <sheet name="Support" sheetId="4" r:id="rId17"/>
    <sheet name="Closure Cover " sheetId="5" r:id="rId18"/>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716" uniqueCount="1040">
  <si>
    <t>***BUYER***</t>
  </si>
  <si>
    <t xml:space="preserve">Version History </t>
  </si>
  <si>
    <t>Date</t>
  </si>
  <si>
    <t>Author</t>
  </si>
  <si>
    <t>Document Title / Version</t>
  </si>
  <si>
    <t>Description</t>
  </si>
  <si>
    <t>ANSI X12 Envelope Information by Data Center</t>
  </si>
  <si>
    <t> </t>
  </si>
  <si>
    <t>EU DC</t>
  </si>
  <si>
    <t>EDI850 Sample</t>
  </si>
  <si>
    <t>Test:</t>
  </si>
  <si>
    <t>ISA</t>
  </si>
  <si>
    <t>ISA*00*          *00*          *ZZ*ARIBA          *--*------*1906*U*00401*000000145*0*T*&gt;~</t>
  </si>
  <si>
    <t>GS</t>
  </si>
  <si>
    <t>GS*PO*BuyerANID-T*SupplierANID-T*20220210*154651*000008315*X*004010~</t>
  </si>
  <si>
    <t>Prod:</t>
  </si>
  <si>
    <t>ISA*00*          *00*          *ZZ*ARIBAP         *--*------*1906*U*00401*000000145*0*P*&gt;~</t>
  </si>
  <si>
    <t>GS*PO*BuyerANID*SupplierANID*20220210*154651*000008315*X*004010~</t>
  </si>
  <si>
    <t>EDI810 Sample</t>
  </si>
  <si>
    <t>ISA*00*          *00*          *--*------       *ZZ*ARIBA        *220210*0826*U*00401*000000005*0*T*^~</t>
  </si>
  <si>
    <t>GS*IN*SupplierANID-T*SupplierANID-T*20220210*0826*1*X*004010~</t>
  </si>
  <si>
    <t>ISA*00*          *00*          *--*------       *ZZ*ARIBAP           *220210*0826*U*00401*000000005*0*P*^~</t>
  </si>
  <si>
    <t>GS*IN*SupplierANID*BuyerANID*20220210*0826*1*X*004010~</t>
  </si>
  <si>
    <t>US DC</t>
  </si>
  <si>
    <t>ISA*00*          *00*          *ZZ*ARIBAUS        *--*-------       *220210*1546*U*00401*000008315*0*T*^~</t>
  </si>
  <si>
    <t>ISA*00*          *00*          *ZZ*ARIBAUSP       *--*-------       *220210*1546*U*00401*000008315*0*P*^~</t>
  </si>
  <si>
    <t>ISA*00*          *00*          *--*------       *ZZ*ARIBAUS        *220210*0826*U*00401*000000005*0*T*^~</t>
  </si>
  <si>
    <t>ISA*00*          *00*          *--*------       *ZZ*ARIBAUSP        *220210*0826*U*00401*000000005*0*P*^~</t>
  </si>
  <si>
    <t> Notes</t>
  </si>
  <si>
    <t xml:space="preserve">Support During Integration </t>
  </si>
  <si>
    <t xml:space="preserve">If a service request is needed, please follow the steps outlined in this deck. </t>
  </si>
  <si>
    <t xml:space="preserve">For high impact issues, it is recommended that the supplier contact the buyer – </t>
  </si>
  <si>
    <t xml:space="preserve">where in return, the buyer will create an SR on their behalf.  </t>
  </si>
  <si>
    <t>Post Go-Live Support</t>
  </si>
  <si>
    <t>The Supply Chain Seller Integrator will provide three weeks of support post Go-Live.</t>
  </si>
  <si>
    <t>Suppliers should communicate all issues as they arises to the SCSI during hyper-care.</t>
  </si>
  <si>
    <t>After the three week period, a Service Request should be created for support.</t>
  </si>
  <si>
    <t>To Access Support</t>
  </si>
  <si>
    <t>Go to http://supplier.ariba.com</t>
  </si>
  <si>
    <t xml:space="preserve">Access the Help (?) section from the right corner from your Test / Production account </t>
  </si>
  <si>
    <t xml:space="preserve">and choose Help Center. </t>
  </si>
  <si>
    <t xml:space="preserve">Click on Support at the bottom of the page. </t>
  </si>
  <si>
    <t>Type (1) SCC in the search bar. Click  (2) Update</t>
  </si>
  <si>
    <t xml:space="preserve">Click Get help by email. </t>
  </si>
  <si>
    <t>Choose Supply Chain Collaboration under problem type.</t>
  </si>
  <si>
    <t xml:space="preserve">Complete the remaining fields in the ticket and submit. </t>
  </si>
  <si>
    <t>Trupti Warad</t>
  </si>
  <si>
    <t>06/04/2024</t>
  </si>
  <si>
    <t>Union Pacific - Consignment SCC B2B Integration guides</t>
  </si>
  <si>
    <t>Interchange Control Header</t>
  </si>
  <si>
    <t>Functional Group Header</t>
  </si>
  <si>
    <t>ST*850*0001~</t>
  </si>
  <si>
    <t>14 - Transaction Set Header</t>
  </si>
  <si>
    <t xml:space="preserve">BEG01 Segment:
00 Original
03 Delete*
05 Replace*
BEG02 Segment:
NE New Order
*Note that the 850 supports "replace" and "delete" option only if 860 is not used.  </t>
  </si>
  <si>
    <t>15 - Beginning Segment for Purchase Order</t>
  </si>
  <si>
    <t>CUR*BY*USD~</t>
  </si>
  <si>
    <t>Currency</t>
  </si>
  <si>
    <t>16 - ISO Standard Currency</t>
  </si>
  <si>
    <t>System ID Number</t>
  </si>
  <si>
    <t xml:space="preserve">17 - References </t>
  </si>
  <si>
    <t>Purchase Order Number</t>
  </si>
  <si>
    <t>REF*PP*1~</t>
  </si>
  <si>
    <t>Purchase Order Revision Number</t>
  </si>
  <si>
    <t>Company Code</t>
  </si>
  <si>
    <t>21 - References - Mutually Defined References</t>
  </si>
  <si>
    <t>Purchase Group</t>
  </si>
  <si>
    <t>Purchase Organization</t>
  </si>
  <si>
    <t>Requester</t>
  </si>
  <si>
    <t>REF*ZZ*Ariba.invoicingAllowed*Yes~</t>
  </si>
  <si>
    <t>Ariba Invoicing Allowed</t>
  </si>
  <si>
    <t>REF*ZZ*Ariba.availableAmount~</t>
  </si>
  <si>
    <t>Ariba Available Amount
Party Additional ID:  
Ariba Network Payment Terms</t>
  </si>
  <si>
    <t>Vendor Number</t>
  </si>
  <si>
    <t>Payment Terms</t>
  </si>
  <si>
    <t>22 - Purchasing Legal Entity and Organizational Unit</t>
  </si>
  <si>
    <t>Purchasing Organization</t>
  </si>
  <si>
    <t>Purchasing Group</t>
  </si>
  <si>
    <t>Terms Type Code
05 Discount Not Applicable
52 Discount with Prompt Pay
Terms Basis Date Code
3 Invoice Date</t>
  </si>
  <si>
    <t>29 - Terms of Sale</t>
  </si>
  <si>
    <t>Purchase Order Date and Time</t>
  </si>
  <si>
    <t>30 - Date/Time</t>
  </si>
  <si>
    <t>37 - Reference Identification - External Document Information</t>
  </si>
  <si>
    <t>Document type description</t>
  </si>
  <si>
    <t>N9*ZZ**CompanyCode~</t>
  </si>
  <si>
    <t>Mutually Defined References</t>
  </si>
  <si>
    <t>44 - Reference Identification - Mutually Defined References</t>
  </si>
  <si>
    <t>N9*ZZ**PurchaseGroup~</t>
  </si>
  <si>
    <t>N9*ZZ**PurchaseOrganization~</t>
  </si>
  <si>
    <t>N9*ZZ**Ariba.invoicingAllowed~</t>
  </si>
  <si>
    <t>MSG*Yes~</t>
  </si>
  <si>
    <t>N9*ZZ**partyAdditionalID~</t>
  </si>
  <si>
    <t>N9*ZZ**AribaNetwork.PaymentTermsExplanation~</t>
  </si>
  <si>
    <t>Ship To</t>
  </si>
  <si>
    <t>104 - Line Item - Party Identification</t>
  </si>
  <si>
    <t>REF*ME**default~</t>
  </si>
  <si>
    <t>Bill To</t>
  </si>
  <si>
    <t>Delivery Address</t>
  </si>
  <si>
    <t>Supplier Address</t>
  </si>
  <si>
    <t>Line Item Data</t>
  </si>
  <si>
    <t xml:space="preserve">56 - Line Item </t>
  </si>
  <si>
    <t>Line Currency</t>
  </si>
  <si>
    <t>CTP*WS***1*EA*CSD*1~</t>
  </si>
  <si>
    <t>Pricing:  Price Basis Quantity</t>
  </si>
  <si>
    <t>60 - Pricing Details</t>
  </si>
  <si>
    <t>Product/Item Description</t>
  </si>
  <si>
    <t>64 - Line Item:  Description</t>
  </si>
  <si>
    <t>Product/Item Classification (Material)</t>
  </si>
  <si>
    <t>68 - Line Item:  Classification (Material)</t>
  </si>
  <si>
    <t>REF*KQ*consignment~</t>
  </si>
  <si>
    <t>73 - References - Mutually Defined References</t>
  </si>
  <si>
    <t>REF*ZZ*ReceivingType*4~</t>
  </si>
  <si>
    <t>REF*ZZ*extLineNumber*00010~</t>
  </si>
  <si>
    <t>Line Item Scehdule</t>
  </si>
  <si>
    <t>84 - Line Item:  Schedule</t>
  </si>
  <si>
    <t>N9*ZZ**ReceivingType~</t>
  </si>
  <si>
    <t>102 - Reference Identification - Mutually Defined References</t>
  </si>
  <si>
    <t>MSG*4~</t>
  </si>
  <si>
    <t>N9*ZZ**extLineNumber~</t>
  </si>
  <si>
    <t>MSG*00010~</t>
  </si>
  <si>
    <t>Control Key / Special Instruction:  Order Confirmation Allowed</t>
  </si>
  <si>
    <t>99 - Reference Identification - Control Keys</t>
  </si>
  <si>
    <t>OC time lower tolerances in days</t>
  </si>
  <si>
    <t>OC time upper tolerances in days</t>
  </si>
  <si>
    <t>N9*KD*ASNValue*allowed~</t>
  </si>
  <si>
    <t>Advanced Ship Notice Allowed</t>
  </si>
  <si>
    <t>N9*KD*INVValue*isNotERS~</t>
  </si>
  <si>
    <t>Invoice is Not ERS</t>
  </si>
  <si>
    <t>Buyer Planner Name</t>
  </si>
  <si>
    <t>Buyer Planner Code</t>
  </si>
  <si>
    <t>Total Lines</t>
  </si>
  <si>
    <t>118 - Transaction Totals</t>
  </si>
  <si>
    <t>AMT*TT*0~</t>
  </si>
  <si>
    <t>Total Amount</t>
  </si>
  <si>
    <t>119 - Transaction Totals</t>
  </si>
  <si>
    <t>120 - Transaction Set Trailer</t>
  </si>
  <si>
    <t xml:space="preserve">The transaction below represents a Union PO sample with specific and unique requirements for the Union implementation. Please note: all data contained within this transaction is dummy data and does not apply to individual suppliers. </t>
  </si>
  <si>
    <t xml:space="preserve">For more information about the SPA Ariba guidelines for each segment, please review https://help.sap.com/doc/sap-business-network-x12-po850-4010-outbound/cloud/en-US/SAP%20Business%20Network%20X12%20PO850%204010%20Outbound.pdf </t>
  </si>
  <si>
    <t>BEG*00*NE*4500002696**20240515~</t>
  </si>
  <si>
    <t>REF*06*DE2CLNT209~</t>
  </si>
  <si>
    <t>REF*PO*4500002696~</t>
  </si>
  <si>
    <t>REF*ZZ*CompanyCode*0100~</t>
  </si>
  <si>
    <t>REF*ZZ*PurchaseGroup*01~</t>
  </si>
  <si>
    <t>REF*ZZ*PurchaseOrganization*0100~</t>
  </si>
  <si>
    <t>REF*ZZ*Requester*00526984~</t>
  </si>
  <si>
    <t>REF*ZZ*partyAdditionalID*1000000028~</t>
  </si>
  <si>
    <t>REF*ZZ*AribaNetwork.PaymentTermsExpla*0 Disc 0 Days 30 Net~</t>
  </si>
  <si>
    <t>REF*ZZ*IsExpedited*Y~</t>
  </si>
  <si>
    <t>PER*ZZ*0100*******CompanyCode~</t>
  </si>
  <si>
    <t>PER*ZZ*0100*******PurchasingOrg~</t>
  </si>
  <si>
    <t>PER*ZZ*01*******PurchasingGroup~</t>
  </si>
  <si>
    <t>ITD*52*3*0.000**30~</t>
  </si>
  <si>
    <t>DTM*004*20240515*120000*19~</t>
  </si>
  <si>
    <t>N9*43*External Document Reference*ZCON~</t>
  </si>
  <si>
    <t>MSG*Consignment PO~</t>
  </si>
  <si>
    <t>MSG*0100~</t>
  </si>
  <si>
    <t>MSG*01~</t>
  </si>
  <si>
    <t>N9*ZZ**Requester~</t>
  </si>
  <si>
    <t>MSG*00526984~</t>
  </si>
  <si>
    <t>MSG*1000000028~</t>
  </si>
  <si>
    <t>MSG*0 Disc 0 Days 30 Net~</t>
  </si>
  <si>
    <t>N9*ZZ**IsExpedited~</t>
  </si>
  <si>
    <t>MSG*Y~</t>
  </si>
  <si>
    <t>N1*ST*Supply Loco Whse-Fort Worth TX*92*SLFW~</t>
  </si>
  <si>
    <t>N3*1658 ROGERS RD BLDG 4346~</t>
  </si>
  <si>
    <t>N4*FORT WORTH*TX*76107*US~</t>
  </si>
  <si>
    <t>REF*LU**SLFW~</t>
  </si>
  <si>
    <t>N1*BT*UNION PACIFIC RAILROAD*92*0100~</t>
  </si>
  <si>
    <t>N3*DOUGLAS ST-1400~</t>
  </si>
  <si>
    <t>N4*OMAHA*NE*68179*US~</t>
  </si>
  <si>
    <t>REF*ZZ*buyerID*0100~</t>
  </si>
  <si>
    <t>PER*AP*default*TE*1*FX*1~</t>
  </si>
  <si>
    <t>N1*SO*UNION PACIFIC RAILROAD*92*0100~</t>
  </si>
  <si>
    <t>REF*YD**0100~</t>
  </si>
  <si>
    <t>PER*CN*default*TE*1*FX*1~</t>
  </si>
  <si>
    <t>N1*SU*ARCADIS U S INC*92*1000000028~</t>
  </si>
  <si>
    <t>N3*630 630 PLAZA DR STE 100~</t>
  </si>
  <si>
    <t>N4*OMAHA*NE*68130*US~</t>
  </si>
  <si>
    <t>REF*ZZ*buyerID*1000000028~</t>
  </si>
  <si>
    <t>PER*CN*default*EM*testarcadis2@gmail.com*TE*1-7752298861*FX*1-4028616520~</t>
  </si>
  <si>
    <t>PO1*00010*20*EA***VP*SUPP-MAT1234*BP*10000031*C3*Z01~</t>
  </si>
  <si>
    <t>PID*F****Traction Motor-REBILT_EXT****EN~</t>
  </si>
  <si>
    <t>PID*S*MAC*AS*Z01***ERPCommodityCod~</t>
  </si>
  <si>
    <t>PID*S*MAC*AS*WORK EQUIPME***ERPCommodityCod~</t>
  </si>
  <si>
    <t>REF*IP*Inspection Days*1~</t>
  </si>
  <si>
    <t>REF*ZZ*productType*REBILT_EXT~</t>
  </si>
  <si>
    <t>REF*ZZ*specialInstructionsNo*Expedite (1-2 days)~DTM*002*20240530*120000*19~</t>
  </si>
  <si>
    <t>SCH*20*EA***002*20240530*120000****0001~</t>
  </si>
  <si>
    <t>N9*ZZ**productType~</t>
  </si>
  <si>
    <t>MSG*REBILT_EXT~</t>
  </si>
  <si>
    <t>N9*ZZ**specialInstructionsNo~</t>
  </si>
  <si>
    <t>N9*KD*OCLowerTimeToleranceInDays*999~</t>
  </si>
  <si>
    <t>N9*KD*OCUpperTimeToleranceInDays*999~</t>
  </si>
  <si>
    <t>N1*MI*Generic Controller~</t>
  </si>
  <si>
    <t>REF*72**UP~</t>
  </si>
  <si>
    <t>PO1*00020*20*EA***VP*SUPP-MAT1234*BP*10000031*C3*Z01~</t>
  </si>
  <si>
    <t>REF*ZZ*extLineNumber*00020~</t>
  </si>
  <si>
    <t>REF*ZZ*specialInstructionsNo*Standard (3-7 days)~DTM*002*20240530*120000*19~</t>
  </si>
  <si>
    <t>MSG*00020~</t>
  </si>
  <si>
    <t>CTT*2*40~</t>
  </si>
  <si>
    <t>SE*119*0001~</t>
  </si>
  <si>
    <t>GE*1*101651690~</t>
  </si>
  <si>
    <t>IEA*1*101651690~</t>
  </si>
  <si>
    <t>GS*PO*AN11176099666-T*AN11122222441-T*20240515*160850*101651690*X*004010~</t>
  </si>
  <si>
    <t>Cutom field added by buyer Expedited Indicator</t>
  </si>
  <si>
    <t xml:space="preserve">Document Type: ZCON </t>
  </si>
  <si>
    <t>MSG*Expedite (1-2 days)~</t>
  </si>
  <si>
    <t>N9*KD*OCValue*requiredBeforeASN~</t>
  </si>
  <si>
    <t>MSG*Standard (3-7 days)~</t>
  </si>
  <si>
    <t>ISA*00*          *00*          *ZZ*ARIBA          *ZZ*AN11122222441-T*240515*1608*U*00401*101651690*0*T*^~</t>
  </si>
  <si>
    <t>Notes</t>
  </si>
  <si>
    <t>ST*855*00001~</t>
  </si>
  <si>
    <t>13 - Transaction Set Header</t>
  </si>
  <si>
    <t xml:space="preserve">BAK01 Segment:  
00  Original
05  Replace
BAK02 Segment:
AC  Acknowledge - With Detail and Change
AE  Acknowledge - With Exception Detail Only
AT  Acccepted
</t>
  </si>
  <si>
    <t>14 - Beginning Segment for Purchase Order Acknowledgement</t>
  </si>
  <si>
    <t>16 - References</t>
  </si>
  <si>
    <t>DTM01 Segment: 
004   Purchase</t>
  </si>
  <si>
    <t>26 - Date/Time Reference</t>
  </si>
  <si>
    <t>ACK  Acknowledgement</t>
  </si>
  <si>
    <t>PO Line Item</t>
  </si>
  <si>
    <t>45 - Line Item Data</t>
  </si>
  <si>
    <t>46 - Line Item Data</t>
  </si>
  <si>
    <t>CTP*AS*CUP*~</t>
  </si>
  <si>
    <t>CTP01 Segment:
AS  Seller
CTP02 Segment:  
CHG  Changed Price
CUP  Confirmed Unit Price</t>
  </si>
  <si>
    <t>47 - Line Item Data</t>
  </si>
  <si>
    <t>CTP01 Segment:
WS  User
CTP04 Segment:  
Price Basis Quantity
CTP05 Segment:
Unit of Measurement
CTP06 Segment:
CSD   Cost Markup Multiplier - Original Cost
CTP07 Segment:
Conversion Factor</t>
  </si>
  <si>
    <t>48 - Line Item Data</t>
  </si>
  <si>
    <t>Line Item Description</t>
  </si>
  <si>
    <t>50 - Product/Item Description</t>
  </si>
  <si>
    <r>
      <t xml:space="preserve">ACK01 Segment:
IA   Item Accepted
IB   Item Backordered
IC   Item  Accepted - Changes Made
</t>
    </r>
    <r>
      <rPr>
        <sz val="11"/>
        <color theme="8" tint="-0.249977111117893"/>
        <rFont val="Calibri"/>
        <family val="2"/>
        <scheme val="minor"/>
      </rPr>
      <t>IR   Item Rejected (Not In Scope)</t>
    </r>
    <r>
      <rPr>
        <sz val="11"/>
        <color rgb="FF0070C0"/>
        <rFont val="Calibri"/>
        <family val="2"/>
        <scheme val="minor"/>
      </rPr>
      <t xml:space="preserve">
ACK04 Segment:
068  Current Schedule Ship</t>
    </r>
  </si>
  <si>
    <t>60 - Line Item Acknowledgement</t>
  </si>
  <si>
    <t>DTM01 Segment: 
017   Estimated Delivery</t>
  </si>
  <si>
    <t>63 - Line Item Acknowledgement</t>
  </si>
  <si>
    <t xml:space="preserve">Date/Time Qualifier
002 Delivery Requested
</t>
  </si>
  <si>
    <t>65 - Line Item Schedule</t>
  </si>
  <si>
    <t>Date/Time Qualifier
SCH05TimeZone - time zone requested delivery date</t>
  </si>
  <si>
    <t>121 - Refer 623 Time Code</t>
  </si>
  <si>
    <t>CTT*1~</t>
  </si>
  <si>
    <t>Transaction Totals</t>
  </si>
  <si>
    <t>AMT*TT*0.00~</t>
  </si>
  <si>
    <t>Total Transaction Amount</t>
  </si>
  <si>
    <t>Transaction Set Trailer</t>
  </si>
  <si>
    <t>These specifications may change during that time. Changes to the specifications will be documented and communicated as soon as they are known. Changes may result in re-work for suppliers, and may affect timelines.</t>
  </si>
  <si>
    <t>The transaction below represents a Union pacific OC sample with specific and unique requirements for the Union implementation.  Please note: all data contained within this transaction is dummy data and does not apply to individual suppliers.</t>
  </si>
  <si>
    <t>ISA*00*          *00*          *01*AN11194282441-T*ZZ*ARIBA          *240410*0405*U*00401*000000001*0*T*^~</t>
  </si>
  <si>
    <t>GS*PR*AN11194282441-T*AN11176099666-T*20240410*0405*1*X*004010~</t>
  </si>
  <si>
    <t>BAK*00*AC*4500002696*20240515****OC4500002696*20240604~</t>
  </si>
  <si>
    <t>REF*ON*4500002696~</t>
  </si>
  <si>
    <t>DTM*004*20240415~</t>
  </si>
  <si>
    <t>DTM*ACK*20240604~</t>
  </si>
  <si>
    <t>N9*L1*en*Comments~</t>
  </si>
  <si>
    <t>MSG*header level comment~</t>
  </si>
  <si>
    <t>PO1*10*20*EA~</t>
  </si>
  <si>
    <t>ACK*IA*20*EA*068***BP*10000031*VP*SUPP-MAT1234~</t>
  </si>
  <si>
    <t>DTM*017*20240530~</t>
  </si>
  <si>
    <t>REF*0N*SCH05TimeZone*CT~</t>
  </si>
  <si>
    <t>PO1*20*20*EA~</t>
  </si>
  <si>
    <t>CTT*2~</t>
  </si>
  <si>
    <t>SE*26*00001~</t>
  </si>
  <si>
    <t>GE*1*1~</t>
  </si>
  <si>
    <t>IEA*1*000000001~</t>
  </si>
  <si>
    <t>Comments</t>
  </si>
  <si>
    <t xml:space="preserve">Header level comments </t>
  </si>
  <si>
    <t>Please note, Union Pacific is in the process of completing SIT &amp; UAT.</t>
  </si>
  <si>
    <t>Union Pacific Consignment PO  Sample</t>
  </si>
  <si>
    <t>Union Pacific Order Confirmation  Sample</t>
  </si>
  <si>
    <t xml:space="preserve">For information about the SPA Ariba standard for each segment, please review : https://help.sap.com/doc/sap-business-network-x12-pr855-4010-inbound/cloud/en-US/SAP%20Business%20Network%20X12%20PR855%204010%20Inbound.pdf </t>
  </si>
  <si>
    <t>ST*856*0001~</t>
  </si>
  <si>
    <t>13- Transaction Set Header</t>
  </si>
  <si>
    <t xml:space="preserve">Transaction Set Purpose Code
00 Original 
05 Replace
Hierarchical Structure Code
0001 Shipment, Order, Packaging, Item* 
0002 Shipment, Order, Item, Packaging* 
0004 Shipment, Order, Item*
</t>
  </si>
  <si>
    <t>14 - Beginning Segment for Ship Notice</t>
  </si>
  <si>
    <t>16 - Date / Time</t>
  </si>
  <si>
    <t>HL*1**S*1~</t>
  </si>
  <si>
    <t>Hierarchical Level Code
S Shipment
Hierarchical Child Code
1 Additional Subordinate HL Data Segment in This Hierarchical Structure.</t>
  </si>
  <si>
    <t>17 - Hierarchical Level - Shipment</t>
  </si>
  <si>
    <t>40 - Hierarchical Level - Shipment -Party Identification - Party Name</t>
  </si>
  <si>
    <t>42 - Hierarchical Level - Shipment -Party Identification - Party Address Information</t>
  </si>
  <si>
    <t>HL*2*1*O*1~</t>
  </si>
  <si>
    <t>50 -  Hierarchical Level - Order - Purchase Order Reference</t>
  </si>
  <si>
    <t>59 - Hierarchical Level - Order - Date / Time</t>
  </si>
  <si>
    <t>HL*3*2*I*0~</t>
  </si>
  <si>
    <t>Hierarchical Level Code
I Item
Hierarchical Child Code
0 No Subordinate HL Segment in This Hierarchical Structure. 
1 Additional Subordinate HL Data Segment in This Hierarchical Structure.</t>
  </si>
  <si>
    <t>78 - Hierarchical Level - Item</t>
  </si>
  <si>
    <t>79 - Hierarchical Level - Item - Line Item Identification</t>
  </si>
  <si>
    <t>81 - Hierarchical Level - Item - Item Detail (Shipment)</t>
  </si>
  <si>
    <t>114 - Transaction Totals</t>
  </si>
  <si>
    <t>115 - Transaction Set Trailer</t>
  </si>
  <si>
    <t>The transaction below represents a Union Pacific sample with specific and unique requirements for the Union Pacific implementation.  Please note: all data contained within this transaction is dummy data and does not apply to individual suppliers.</t>
  </si>
  <si>
    <t>ISA*00*          *00*          *ZZ*ARIBA          *ZZ*AN11194282441-T*240524*0522*U*00401*101662999*0*T*^~</t>
  </si>
  <si>
    <t>DTM*111*20240604~</t>
  </si>
  <si>
    <t>MEA*PD*LN*33*IN~</t>
  </si>
  <si>
    <t>MEA*PD*WD*44*IN~</t>
  </si>
  <si>
    <t>MEA*PD*HT*55*IN~</t>
  </si>
  <si>
    <t>TD1******G*22*LB~</t>
  </si>
  <si>
    <t>TD1*********11*CR~</t>
  </si>
  <si>
    <t>REF*ZZ*transportRoute*ZLHS~</t>
  </si>
  <si>
    <t>N1*SF*Arcadis U S INC Test - TEST~</t>
  </si>
  <si>
    <t>N3*St-Louis~</t>
  </si>
  <si>
    <t>N4*Bengaluru**560017*IN*SP*IN-KA~</t>
  </si>
  <si>
    <t>PRF*4500002696***20240515~</t>
  </si>
  <si>
    <t>REF*PO**4500002696~</t>
  </si>
  <si>
    <t>DTM*004*20240515~</t>
  </si>
  <si>
    <t>LIN*1*PL*10*VP*SUPP-MAT1234*BP*10000031~</t>
  </si>
  <si>
    <t>SN1*10*20.000*EA~</t>
  </si>
  <si>
    <t>HL*4*2*I*0~</t>
  </si>
  <si>
    <t>LIN*2*PL*20*VP*SUPP-MAT1234*BP*10000031~</t>
  </si>
  <si>
    <t>SN1*20*20.000*EA~</t>
  </si>
  <si>
    <t>SE*31*0001~</t>
  </si>
  <si>
    <t>IEA*1*101662999~</t>
  </si>
  <si>
    <t>BSN*00*ASN4500002696*20240604*052831*0004~</t>
  </si>
  <si>
    <t>21 Hierarchical Level - Shipment</t>
  </si>
  <si>
    <t>Hierarchical Level - Shipment Measurements</t>
  </si>
  <si>
    <t>111 Manifest/Ship Notice</t>
  </si>
  <si>
    <t>017 Estimated Delivery</t>
  </si>
  <si>
    <t>SF Ship From</t>
  </si>
  <si>
    <t xml:space="preserve">Transport Terms  ( Custom  field created by buyer)
</t>
  </si>
  <si>
    <t xml:space="preserve">Ship To </t>
  </si>
  <si>
    <t>PO Purchase Order Number</t>
  </si>
  <si>
    <t>Purchase Order Reference</t>
  </si>
  <si>
    <t xml:space="preserve">Purchase order date </t>
  </si>
  <si>
    <t xml:space="preserve">Product/Service ID Qualifier
PL Purchase Order Line Number
BP Buyer's Part Number
</t>
  </si>
  <si>
    <t>Item Detail</t>
  </si>
  <si>
    <t>Item Description</t>
  </si>
  <si>
    <t>Union Pacific Advanced Ship Notice</t>
  </si>
  <si>
    <t>For information about the SPA Ariba standard for each segment, please review https://help.sap.com/doc/sap-business-network-x12-sh856-4010-inbound/cloud/en-US/SAP%20Business%20Network%20X12%20SH856%204010%20Inbound.pdf</t>
  </si>
  <si>
    <t>ST*861*0001~</t>
  </si>
  <si>
    <t>861 Receiving Advice/Acceptance Certificate</t>
  </si>
  <si>
    <t>10 - Transaction Set Header</t>
  </si>
  <si>
    <t>Transaction Set Purpose Code
00 Original
Receiving Advice or Acceptance Certificate Type Code
2 Post Receipt Advice
Action Code
AC Acknowledge</t>
  </si>
  <si>
    <t>11 - Beginning Segment for Receiving Advice or Acceptance Certificate</t>
  </si>
  <si>
    <t>Entity Identifier Code
BY Buying Party (Purchaser)</t>
  </si>
  <si>
    <t>12 - Currency</t>
  </si>
  <si>
    <t>Date/Time Qualifier
050 Received
111 Manifest/Ship Notice</t>
  </si>
  <si>
    <t>14 - Date/Time</t>
  </si>
  <si>
    <t>15 - Receiving Conditions</t>
  </si>
  <si>
    <t>Product/Service ID Qualifier:
B8 Supplier's Batch Number
BP Buyer's Part Number 
LT Buyer Batch Number 
MF Manufacturer Name 
MG Manufacturer's Part Number 
PL Purchaser's Order Line Number 
VP Vendor's (Seller's) Part Number 
VS Vendor's Supplemental Item Number</t>
  </si>
  <si>
    <t>16 - Line item identification</t>
  </si>
  <si>
    <t>Reference Identification Qualifier
AH Agreement Number 
L1 Letters or Notes 
MA Ship Notice/Manifest Number 
PO Purchase Order Number 
ZZ Mutually Defined</t>
  </si>
  <si>
    <t>19 - References</t>
  </si>
  <si>
    <t>Date/Time Qualifier
004 Purchase Order 
111 Manifest/Ship Notice 
LEA Letter of Agreement</t>
  </si>
  <si>
    <t>21 - Date/Time</t>
  </si>
  <si>
    <t>Number of Line Items</t>
  </si>
  <si>
    <t>27 - Transaction Totals</t>
  </si>
  <si>
    <t>28 - Transaction Set Trailer</t>
  </si>
  <si>
    <t>The transaction below represents a Union Pacific Receiving Advice sample with specific and unique requirements for the Union Pacific implementation.  Please note: all data contained within this transaction is dummy data and does not apply to individual suppliers.</t>
  </si>
  <si>
    <t>For information about the SPA Ariba standard for each segment, please review https://help.sap.com/doc/sap-business-network-x12-rc861-4010-inbound/cloud/en-US/SAP%20Business%20Network%20X12%20RC861%204010%20Inbound.pdf</t>
  </si>
  <si>
    <t>BRA*5000001854*20240524*00*2*154239**AC~</t>
  </si>
  <si>
    <t>DTM*050*20240524*154239*19~</t>
  </si>
  <si>
    <t>RCD*0001*20*EA~</t>
  </si>
  <si>
    <t>LIN*0001*PL*00010*VP*SUPP-MAT1234*BP*10000031~</t>
  </si>
  <si>
    <t>REF*MA*ASN4500002703~</t>
  </si>
  <si>
    <t>REF*ZZ*ValuationType*REBILT_EXT~</t>
  </si>
  <si>
    <t>DTM*111*20240524*120000*19~</t>
  </si>
  <si>
    <t>RCD*0002*20*EA~</t>
  </si>
  <si>
    <t>LIN*0002*PL*00020*VP*SUPP-MAT1234*BP*10000031~</t>
  </si>
  <si>
    <t>SE*20*0001~</t>
  </si>
  <si>
    <t>GE*1~</t>
  </si>
  <si>
    <t>IEA*1~</t>
  </si>
  <si>
    <t>Custom Filed Added by Buyer ( Valuation type )</t>
  </si>
  <si>
    <t>8 - Interchange Control Header</t>
  </si>
  <si>
    <t>9 - Functional Group Header</t>
  </si>
  <si>
    <t>ST*846*0001~</t>
  </si>
  <si>
    <t>846 Inventory Inquiry/Advice</t>
  </si>
  <si>
    <t>Transaction Set Purpose Code : 00 Original
Report Type Code: CO Consignment Movement</t>
  </si>
  <si>
    <t>11 - Beginning Segment for Inventory Inquiry/Advice</t>
  </si>
  <si>
    <t>Product/Service ID Qualifier: BP Buyer's Part Number</t>
  </si>
  <si>
    <t>12 - Line Item Identification - Item Identification</t>
  </si>
  <si>
    <t>Item Description Type: F Free-form</t>
  </si>
  <si>
    <t>15 - Line Item Identification - Product/Item Description</t>
  </si>
  <si>
    <t>Quantity Qualifier : V3 Transfer Quantity
Exponent : 3 Consignment Movement</t>
  </si>
  <si>
    <t>18 - Line Item Identification - Consignment Movement Quantity</t>
  </si>
  <si>
    <t>Date/Time Qualifier: 514 Transferred</t>
  </si>
  <si>
    <t>20 - Line Item Identification - Consignment Movement Quantity - Date/Time</t>
  </si>
  <si>
    <t>LS*REF~</t>
  </si>
  <si>
    <t>Loop Identifier Code: REF* Loop Indicator</t>
  </si>
  <si>
    <t>21 - Line Item Identification - Consignment Movement Quantity - Loop Header</t>
  </si>
  <si>
    <t>Reference Identification Qualifier
2I Consignment Movement Tracking Number 
IV Invoice Number 
IX Movement Identification Number
Reference Identification Qualifier
LI Line Item Identifier</t>
  </si>
  <si>
    <t>22 - Line Item Identification - Consignment Movement Quantity - Reference</t>
  </si>
  <si>
    <t>LE*REF~</t>
  </si>
  <si>
    <t>Loop Identifier Code: 
REF* 
*UserNote [LS/LE]</t>
  </si>
  <si>
    <t>23 - Line Item Identification - Consignment Movement Quantity - Loop Trailer</t>
  </si>
  <si>
    <t>Entity Identifier Code
MI Planning Schedule Issuer ST Location-To SU Location-From
Identification Code Qualifier
1 D-U-N-S Number, Dun &amp; Bradstreet 
2 Standard Carrier Alpha Code (SCAC) 
4 International Air Transport Association (IATA) 
29 Grid Location and Facility Code 
92 Assigned by Buyer or Buyer's Agent</t>
  </si>
  <si>
    <t>25 - Line Item Identification - Party Identification - Party Name</t>
  </si>
  <si>
    <t>27 - Line Item Identification - Party Identification - Party Address Information</t>
  </si>
  <si>
    <t>28 - Line Item Identification - Party Identification - Party Geographic Location</t>
  </si>
  <si>
    <t>Reference Identification Qualifier
12 Account Payable Identification Number 
4B Loading Point 
4C Storage Location 
72 Buyer Planning Identification Number 
AP Accounts Receivable Identification Number 
LU Buyer Location Identification Number 
ZZ Mutually Defined</t>
  </si>
  <si>
    <t>29 - Line Item Identification - Party Identification - Party Reference</t>
  </si>
  <si>
    <t>Total number of line items</t>
  </si>
  <si>
    <t>31 - Transaction Totals</t>
  </si>
  <si>
    <t>32 - Transaction Set Trailer</t>
  </si>
  <si>
    <t>33 - Functional Group Trailer</t>
  </si>
  <si>
    <t>34 - Interchange Control Trailer</t>
  </si>
  <si>
    <t>ISA*00*          *00*          *ZZ*ARIBA          *ZZ*ARIBA          *240605*0107*U*00401**0*T*^~</t>
  </si>
  <si>
    <t>BIA*00*CO*37DC86FEAB0E1EEF86BCDEC8062FDE*20240524*110203*AC~</t>
  </si>
  <si>
    <t>LIN**VP*SUPP-MAT1234*BP*10000031~</t>
  </si>
  <si>
    <t>PID*F****Traction Motor****EN~</t>
  </si>
  <si>
    <t>REF*LT*REBILT_EXT~</t>
  </si>
  <si>
    <t>QTY*V3*40*EA^3~</t>
  </si>
  <si>
    <t>DTM*514*20240524~</t>
  </si>
  <si>
    <t>REF*IX*010049000018812024**LI^1~</t>
  </si>
  <si>
    <t>N1*ST*Supply Loco Whse-Fort Worth TX*92*286571~</t>
  </si>
  <si>
    <t>N4*FORT WORTH*TX**US~</t>
  </si>
  <si>
    <t>REF*ZZ*locationTo*SLFW~</t>
  </si>
  <si>
    <t>SE*16*0001~</t>
  </si>
  <si>
    <t>GS*RC*AN11176099666-T*AN1177779666-T*20240605*005408**X*004010~</t>
  </si>
  <si>
    <t>ISA*00*          *00*          *ZZ*ARIBA          *ZZ*AN11122222441          *240605*0054*U*00401**0*T*^~</t>
  </si>
  <si>
    <t>GS*IB*AN11176099666-T*AN45645645675-T*20240605*0107**X*004010~</t>
  </si>
  <si>
    <t>Buyer Batch ID</t>
  </si>
  <si>
    <t xml:space="preserve">The transaction below represents a Union Pacific Invoice sample with specific and unique requirements for the Union Pacific implementation. Please note: all data contained within this transaction is dummy data and does not apply to individual suppliers. </t>
  </si>
  <si>
    <t>For more information about the SAP Ariba guidelines for each segment Please refer to the link : https://help.sap.com/doc/sap-business-network-x12-in810-4010-inbound/cloud/en-US/SAP%20Business%20Network%20X12%20IN810%204010%20Inbound.pdf</t>
  </si>
  <si>
    <t>ST*810*00001~</t>
  </si>
  <si>
    <t xml:space="preserve">BIG Segment 
Invoice Date, Invoice Number ,BIG 07:  00 - Original, 03 - Delete
</t>
  </si>
  <si>
    <t>14 - Beginning Segment for Invoice</t>
  </si>
  <si>
    <t>18 - ISO Standard Currency</t>
  </si>
  <si>
    <t>Reference PO</t>
  </si>
  <si>
    <t>SID from the purchase Order</t>
  </si>
  <si>
    <t xml:space="preserve">Remit To </t>
  </si>
  <si>
    <t xml:space="preserve">Bill-To-Party , Buyer requires the Party Identification Number : 0100 in this example 
</t>
  </si>
  <si>
    <t xml:space="preserve">22 - Party Identification </t>
  </si>
  <si>
    <t>N1*FR*Arcadis U S INC Test - TEST~</t>
  </si>
  <si>
    <t>From Party</t>
  </si>
  <si>
    <t>N3*St-Louis***~</t>
  </si>
  <si>
    <t>N4*Bengaluru*KA*560017*IN*SP*Karnataka~</t>
  </si>
  <si>
    <t>N1*BF*Arcadis U S INC Test - TEST~</t>
  </si>
  <si>
    <t xml:space="preserve">Bill From
</t>
  </si>
  <si>
    <t xml:space="preserve">
</t>
  </si>
  <si>
    <t>Ship From</t>
  </si>
  <si>
    <t xml:space="preserve">Sold to Party Required </t>
  </si>
  <si>
    <t>Item Data Buyer Part ID required</t>
  </si>
  <si>
    <t>47- Product/Item Description</t>
  </si>
  <si>
    <t>45- Pricing Information</t>
  </si>
  <si>
    <t xml:space="preserve">Period Amount  1- Line Item Total </t>
  </si>
  <si>
    <t>76 - Montery Amount</t>
  </si>
  <si>
    <t>Net amount</t>
  </si>
  <si>
    <t>Product Description</t>
  </si>
  <si>
    <t>REF*FJ*1~</t>
  </si>
  <si>
    <t>Reference - Invoice Line Item Number</t>
  </si>
  <si>
    <t xml:space="preserve">Gross Amount, Subtotal Amount, Net Amount , Due Amount </t>
  </si>
  <si>
    <t xml:space="preserve"> ST- State Sales Tax </t>
  </si>
  <si>
    <t>80- Tax Total Information</t>
  </si>
  <si>
    <t>The transaction below represents a Union Pacific  Receiving Advice sample with specific and unique requirements for the Union Pacific implementation.  Please note: all data contained within this transaction is dummy data and does not apply to individual suppliers.</t>
  </si>
  <si>
    <t>For information about the SPA Ariba standard for each segment, please review https://help.sap.com/doc/sap-business-network-x12-ib846-consignment-4010-outbound/cloud/en-US/SAP%20Business%20Network%20X12%20IB846%20Consignment%204010%20Outbound.pdf</t>
  </si>
  <si>
    <t>REF*PO*4500002696*CL~</t>
  </si>
  <si>
    <t>REF*MA*ASN4500002696~</t>
  </si>
  <si>
    <t>REF*ZZ*invoiceSourceDocument*NoOrderInformation~</t>
  </si>
  <si>
    <t>N1*RI*Arcadis U S INC Test - TEST~</t>
  </si>
  <si>
    <t>N1*BT*Union Pacific Railroad*92*DE2CLNT209~</t>
  </si>
  <si>
    <t>N3*1400 Douglas St Stop*1550 Omaha**~</t>
  </si>
  <si>
    <t>N4*Omaha*NE*68179*US~</t>
  </si>
  <si>
    <t>N1*SO*Union Pacific Railroad Company - TEST~</t>
  </si>
  <si>
    <t>N3*1400 Douglas St***~</t>
  </si>
  <si>
    <t>N4*Omaha*NE*68179-1001*US~</t>
  </si>
  <si>
    <t>N1*ST*Union Pacific Railroad Company - TEST~</t>
  </si>
  <si>
    <t>DTM*003*20240304*0824~</t>
  </si>
  <si>
    <t>IT1*1*1*EA*200.00**BP*10000031*****************VP*SUPP-MAT1234~</t>
  </si>
  <si>
    <t>PAM****1*200.00~</t>
  </si>
  <si>
    <t>PAM****N*200.00~</t>
  </si>
  <si>
    <t>PID*F****Traction Motor~</t>
  </si>
  <si>
    <t>TDS*20000*20000*20000*20000~</t>
  </si>
  <si>
    <t>AMT*1*200.00~</t>
  </si>
  <si>
    <t>AMT*BAP*200.00~</t>
  </si>
  <si>
    <t>AMT*N*200.00~</t>
  </si>
  <si>
    <t>SAC*C*H850***0**********Tax~</t>
  </si>
  <si>
    <t>TXI*ST*0*0*****200.00*sales~</t>
  </si>
  <si>
    <t>SE*44*00001~</t>
  </si>
  <si>
    <t>BIG*20240304*INVCONS2976*****DI*00~</t>
  </si>
  <si>
    <t>REF*IV*INVCONS2976r~</t>
  </si>
  <si>
    <t>Sold To</t>
  </si>
  <si>
    <t>003 Invoice</t>
  </si>
  <si>
    <t>37-Date/Time</t>
  </si>
  <si>
    <t>Subtotal</t>
  </si>
  <si>
    <t>Amount Due</t>
  </si>
  <si>
    <t>Net Amount</t>
  </si>
  <si>
    <t>Tax</t>
  </si>
  <si>
    <t>Union Pacific Consignment Invoice without reference to the PO Sample</t>
  </si>
  <si>
    <t>Union Pacific Consignment Movement Stock Transfer Sample</t>
  </si>
  <si>
    <t>&lt;/cXML&gt;</t>
  </si>
  <si>
    <r>
      <t>&lt;?xml version=</t>
    </r>
    <r>
      <rPr>
        <sz val="9"/>
        <color rgb="FFA31515"/>
        <rFont val="Courier New"/>
        <family val="3"/>
      </rPr>
      <t>"1.0"</t>
    </r>
    <r>
      <rPr>
        <sz val="9"/>
        <color rgb="FF000000"/>
        <rFont val="Courier New"/>
        <family val="3"/>
      </rPr>
      <t xml:space="preserve"> encoding=</t>
    </r>
    <r>
      <rPr>
        <sz val="9"/>
        <color rgb="FFA31515"/>
        <rFont val="Courier New"/>
        <family val="3"/>
      </rPr>
      <t>"UTF-8"</t>
    </r>
    <r>
      <rPr>
        <sz val="9"/>
        <color rgb="FF000000"/>
        <rFont val="Courier New"/>
        <family val="3"/>
      </rPr>
      <t>?&gt;</t>
    </r>
  </si>
  <si>
    <r>
      <t xml:space="preserve">&lt;!DOCTYPE cXML SYSTEM </t>
    </r>
    <r>
      <rPr>
        <sz val="9"/>
        <color rgb="FFA31515"/>
        <rFont val="Courier New"/>
        <family val="3"/>
      </rPr>
      <t>"http://xml.cxml.org/schemas/cXML/1.2.060/cXML.dtd"</t>
    </r>
    <r>
      <rPr>
        <sz val="9"/>
        <color rgb="FF000000"/>
        <rFont val="Courier New"/>
        <family val="3"/>
      </rPr>
      <t>&gt;</t>
    </r>
  </si>
  <si>
    <t>      &lt;From&gt;</t>
  </si>
  <si>
    <t>            &lt;Identity&gt;AN11176099666-T&lt;/Identity&gt;</t>
  </si>
  <si>
    <t>            &lt;Identity&gt;DE2CLNT209&lt;/Identity&gt;</t>
  </si>
  <si>
    <t>         &lt;/Credential&gt;</t>
  </si>
  <si>
    <t>      &lt;/From&gt;</t>
  </si>
  <si>
    <t>               &lt;PostalAddress&gt;</t>
  </si>
  <si>
    <t>               &lt;/PostalAddress&gt;</t>
  </si>
  <si>
    <t>            &lt;/Contact&gt;</t>
  </si>
  <si>
    <t>      &lt;Sender&gt;</t>
  </si>
  <si>
    <t>         &lt;UserAgent&gt;Ariba Supplier&lt;/UserAgent&gt;</t>
  </si>
  <si>
    <t>      &lt;/Sender&gt;</t>
  </si>
  <si>
    <t>   &lt;/Header&gt;</t>
  </si>
  <si>
    <t>            &lt;Total&gt;</t>
  </si>
  <si>
    <t>            &lt;/Total&gt;</t>
  </si>
  <si>
    <t>               &lt;/IdReference&gt;</t>
  </si>
  <si>
    <t>            &lt;ItemID&gt;</t>
  </si>
  <si>
    <t>               &lt;SupplierPartID&gt;SUPP-MAT1234&lt;/SupplierPartID&gt;</t>
  </si>
  <si>
    <t>               &lt;BuyerPartID&gt;10000031&lt;/BuyerPartID&gt;</t>
  </si>
  <si>
    <t>            &lt;/ItemID&gt;</t>
  </si>
  <si>
    <t>                  &lt;UnitOfMeasure&gt;EA&lt;/UnitOfMeasure&gt;</t>
  </si>
  <si>
    <r>
      <t>&lt;cXML payloadID=</t>
    </r>
    <r>
      <rPr>
        <sz val="9"/>
        <color rgb="FFA31515"/>
        <rFont val="Courier New"/>
        <family val="3"/>
      </rPr>
      <t>"BFDACA52EBE71EEF84DAAD0ABACF1F1C"</t>
    </r>
    <r>
      <rPr>
        <sz val="9"/>
        <color rgb="FF000000"/>
        <rFont val="Courier New"/>
        <family val="3"/>
      </rPr>
      <t xml:space="preserve"> timestamp=</t>
    </r>
    <r>
      <rPr>
        <sz val="9"/>
        <color rgb="FFA31515"/>
        <rFont val="Courier New"/>
        <family val="3"/>
      </rPr>
      <t>"2024-05-15T23:59:59+00:00"</t>
    </r>
  </si>
  <si>
    <r>
      <t>    version=</t>
    </r>
    <r>
      <rPr>
        <sz val="9"/>
        <color rgb="FFA31515"/>
        <rFont val="Courier New"/>
        <family val="3"/>
      </rPr>
      <t>"1.2.060"</t>
    </r>
    <r>
      <rPr>
        <sz val="9"/>
        <color rgb="FF000000"/>
        <rFont val="Courier New"/>
        <family val="3"/>
      </rPr>
      <t>&gt;</t>
    </r>
  </si>
  <si>
    <t>    &lt;Header&gt;</t>
  </si>
  <si>
    <t>        &lt;From&gt;</t>
  </si>
  <si>
    <r>
      <t>            &lt;Credential domain=</t>
    </r>
    <r>
      <rPr>
        <sz val="9"/>
        <color rgb="FFA31515"/>
        <rFont val="Courier New"/>
        <family val="3"/>
      </rPr>
      <t>"NetworkID"</t>
    </r>
    <r>
      <rPr>
        <sz val="9"/>
        <color rgb="FF000000"/>
        <rFont val="Courier New"/>
        <family val="3"/>
      </rPr>
      <t>&gt;</t>
    </r>
  </si>
  <si>
    <t>                &lt;Identity&gt;AN11176099666-T&lt;/Identity&gt;</t>
  </si>
  <si>
    <t>            &lt;/Credential&gt;</t>
  </si>
  <si>
    <r>
      <t>            &lt;Credential domain=</t>
    </r>
    <r>
      <rPr>
        <sz val="9"/>
        <color rgb="FFA31515"/>
        <rFont val="Courier New"/>
        <family val="3"/>
      </rPr>
      <t>"SystemID"</t>
    </r>
    <r>
      <rPr>
        <sz val="9"/>
        <color rgb="FF000000"/>
        <rFont val="Courier New"/>
        <family val="3"/>
      </rPr>
      <t>&gt;</t>
    </r>
  </si>
  <si>
    <t>                &lt;Identity&gt;DE2CLNT209&lt;/Identity&gt;</t>
  </si>
  <si>
    <t>        &lt;/From&gt;</t>
  </si>
  <si>
    <t>        &lt;To&gt;</t>
  </si>
  <si>
    <t>                &lt;Identity&gt;AN11194282441-T&lt;/Identity&gt;</t>
  </si>
  <si>
    <t>            &lt;Correspondent&gt;</t>
  </si>
  <si>
    <r>
      <t>                &lt;Contact role=</t>
    </r>
    <r>
      <rPr>
        <sz val="9"/>
        <color rgb="FFA31515"/>
        <rFont val="Courier New"/>
        <family val="3"/>
      </rPr>
      <t>"correspondent"</t>
    </r>
    <r>
      <rPr>
        <sz val="9"/>
        <color rgb="FF000000"/>
        <rFont val="Courier New"/>
        <family val="3"/>
      </rPr>
      <t>&gt;</t>
    </r>
  </si>
  <si>
    <r>
      <t>                    &lt;Name xml:lang=</t>
    </r>
    <r>
      <rPr>
        <sz val="9"/>
        <color rgb="FF0451A5"/>
        <rFont val="Courier New"/>
        <family val="3"/>
      </rPr>
      <t>"EN"</t>
    </r>
    <r>
      <rPr>
        <sz val="9"/>
        <color rgb="FF000000"/>
        <rFont val="Courier New"/>
        <family val="3"/>
      </rPr>
      <t>&gt;ARCADIS U S INC&lt;/Name&gt;</t>
    </r>
  </si>
  <si>
    <t>                    &lt;PostalAddress&gt;</t>
  </si>
  <si>
    <r>
      <t xml:space="preserve">                        &lt;Street&gt;630 </t>
    </r>
    <r>
      <rPr>
        <sz val="9"/>
        <color rgb="FF098658"/>
        <rFont val="Courier New"/>
        <family val="3"/>
      </rPr>
      <t>630</t>
    </r>
    <r>
      <rPr>
        <sz val="9"/>
        <color rgb="FF000000"/>
        <rFont val="Courier New"/>
        <family val="3"/>
      </rPr>
      <t xml:space="preserve"> PLAZA DR STE </t>
    </r>
    <r>
      <rPr>
        <sz val="9"/>
        <color rgb="FF098658"/>
        <rFont val="Courier New"/>
        <family val="3"/>
      </rPr>
      <t>100</t>
    </r>
    <r>
      <rPr>
        <sz val="9"/>
        <color rgb="FF000000"/>
        <rFont val="Courier New"/>
        <family val="3"/>
      </rPr>
      <t>&lt;/Street&gt;</t>
    </r>
  </si>
  <si>
    <t>                        &lt;City&gt;OMAHA&lt;/City&gt;</t>
  </si>
  <si>
    <r>
      <t>                        &lt;Country isoCountryCode=</t>
    </r>
    <r>
      <rPr>
        <sz val="9"/>
        <color rgb="FFA31515"/>
        <rFont val="Courier New"/>
        <family val="3"/>
      </rPr>
      <t>"US"</t>
    </r>
    <r>
      <rPr>
        <sz val="9"/>
        <color rgb="FF000000"/>
        <rFont val="Courier New"/>
        <family val="3"/>
      </rPr>
      <t>&gt;USA&lt;/Country&gt;</t>
    </r>
  </si>
  <si>
    <t>                    &lt;/PostalAddress&gt;</t>
  </si>
  <si>
    <r>
      <t>                    &lt;Email name=</t>
    </r>
    <r>
      <rPr>
        <sz val="9"/>
        <color rgb="FFA31515"/>
        <rFont val="Courier New"/>
        <family val="3"/>
      </rPr>
      <t>"routing"</t>
    </r>
    <r>
      <rPr>
        <sz val="9"/>
        <color rgb="FF000000"/>
        <rFont val="Courier New"/>
        <family val="3"/>
      </rPr>
      <t>&gt;testarcadis2@gmail.com&lt;/Email&gt;</t>
    </r>
  </si>
  <si>
    <r>
      <t>                    &lt;Fax name=</t>
    </r>
    <r>
      <rPr>
        <sz val="9"/>
        <color rgb="FFA31515"/>
        <rFont val="Courier New"/>
        <family val="3"/>
      </rPr>
      <t>""</t>
    </r>
    <r>
      <rPr>
        <sz val="9"/>
        <color rgb="FF000000"/>
        <rFont val="Courier New"/>
        <family val="3"/>
      </rPr>
      <t>&gt;</t>
    </r>
  </si>
  <si>
    <t>                        &lt;TelephoneNumber&gt;</t>
  </si>
  <si>
    <r>
      <t>                            &lt;CountryCode isoCountryCode=</t>
    </r>
    <r>
      <rPr>
        <sz val="9"/>
        <color rgb="FFA31515"/>
        <rFont val="Courier New"/>
        <family val="3"/>
      </rPr>
      <t>"US"</t>
    </r>
    <r>
      <rPr>
        <sz val="9"/>
        <color rgb="FF000000"/>
        <rFont val="Courier New"/>
        <family val="3"/>
      </rPr>
      <t>&gt;1&lt;/CountryCode&gt;</t>
    </r>
  </si>
  <si>
    <t>                            &lt;AreaOrCityCode/&gt;</t>
  </si>
  <si>
    <t>                            &lt;Number&gt;4028616520&lt;/Number&gt;</t>
  </si>
  <si>
    <t>                        &lt;/TelephoneNumber&gt;</t>
  </si>
  <si>
    <t>                    &lt;/Fax&gt;</t>
  </si>
  <si>
    <t>                &lt;/Contact&gt;</t>
  </si>
  <si>
    <t>            &lt;/Correspondent&gt;</t>
  </si>
  <si>
    <t>        &lt;/To&gt;</t>
  </si>
  <si>
    <t>        &lt;Sender&gt;</t>
  </si>
  <si>
    <r>
      <t>            &lt;Credential domain=</t>
    </r>
    <r>
      <rPr>
        <sz val="9"/>
        <color rgb="FFA31515"/>
        <rFont val="Courier New"/>
        <family val="3"/>
      </rPr>
      <t>"AribaNetworkUserId"</t>
    </r>
    <r>
      <rPr>
        <sz val="9"/>
        <color rgb="FF000000"/>
        <rFont val="Courier New"/>
        <family val="3"/>
      </rPr>
      <t>&gt;</t>
    </r>
  </si>
  <si>
    <t>                &lt;Identity&gt;sysadmin@ariba.com&lt;/Identity&gt;</t>
  </si>
  <si>
    <t>            &lt;UserAgent&gt;Ariba Supplier&lt;/UserAgent&gt;</t>
  </si>
  <si>
    <t>        &lt;/Sender&gt;</t>
  </si>
  <si>
    <t>    &lt;/Header&gt;</t>
  </si>
  <si>
    <r>
      <t>    &lt;Request deploymentMode=</t>
    </r>
    <r>
      <rPr>
        <sz val="9"/>
        <color rgb="FFA31515"/>
        <rFont val="Courier New"/>
        <family val="3"/>
      </rPr>
      <t>"test"</t>
    </r>
    <r>
      <rPr>
        <sz val="9"/>
        <color rgb="FF000000"/>
        <rFont val="Courier New"/>
        <family val="3"/>
      </rPr>
      <t>&gt;</t>
    </r>
  </si>
  <si>
    <t>        &lt;OrderRequest&gt;</t>
  </si>
  <si>
    <r>
      <t>            &lt;OrderRequestHeader orderDate=</t>
    </r>
    <r>
      <rPr>
        <sz val="9"/>
        <color rgb="FFA31515"/>
        <rFont val="Courier New"/>
        <family val="3"/>
      </rPr>
      <t>"2024-05-15T12:00:00-06:00"</t>
    </r>
    <r>
      <rPr>
        <sz val="9"/>
        <color rgb="FF000000"/>
        <rFont val="Courier New"/>
        <family val="3"/>
      </rPr>
      <t xml:space="preserve"> orderID=</t>
    </r>
    <r>
      <rPr>
        <sz val="9"/>
        <color rgb="FFA31515"/>
        <rFont val="Courier New"/>
        <family val="3"/>
      </rPr>
      <t>"4500002696"</t>
    </r>
  </si>
  <si>
    <r>
      <t>                orderType=</t>
    </r>
    <r>
      <rPr>
        <sz val="9"/>
        <color rgb="FFA31515"/>
        <rFont val="Courier New"/>
        <family val="3"/>
      </rPr>
      <t>"regular"</t>
    </r>
    <r>
      <rPr>
        <sz val="9"/>
        <color rgb="FF000000"/>
        <rFont val="Courier New"/>
        <family val="3"/>
      </rPr>
      <t xml:space="preserve"> orderVersion=</t>
    </r>
    <r>
      <rPr>
        <sz val="9"/>
        <color rgb="FFA31515"/>
        <rFont val="Courier New"/>
        <family val="3"/>
      </rPr>
      <t>"1"</t>
    </r>
    <r>
      <rPr>
        <sz val="9"/>
        <color rgb="FF000000"/>
        <rFont val="Courier New"/>
        <family val="3"/>
      </rPr>
      <t xml:space="preserve"> type=</t>
    </r>
    <r>
      <rPr>
        <sz val="9"/>
        <color rgb="FFA31515"/>
        <rFont val="Courier New"/>
        <family val="3"/>
      </rPr>
      <t>"new"</t>
    </r>
    <r>
      <rPr>
        <sz val="9"/>
        <color rgb="FF000000"/>
        <rFont val="Courier New"/>
        <family val="3"/>
      </rPr>
      <t>&gt;</t>
    </r>
  </si>
  <si>
    <t>                &lt;Total&gt;</t>
  </si>
  <si>
    <r>
      <t>                    &lt;Money currency=</t>
    </r>
    <r>
      <rPr>
        <sz val="9"/>
        <color rgb="FFA31515"/>
        <rFont val="Courier New"/>
        <family val="3"/>
      </rPr>
      <t>"USD"</t>
    </r>
    <r>
      <rPr>
        <sz val="9"/>
        <color rgb="FF000000"/>
        <rFont val="Courier New"/>
        <family val="3"/>
      </rPr>
      <t>&gt;0.00&lt;/Money&gt;</t>
    </r>
  </si>
  <si>
    <t>                &lt;/Total&gt;</t>
  </si>
  <si>
    <t>                &lt;ShipTo&gt;</t>
  </si>
  <si>
    <r>
      <t>                    &lt;Address addressID=</t>
    </r>
    <r>
      <rPr>
        <sz val="9"/>
        <color rgb="FFA31515"/>
        <rFont val="Courier New"/>
        <family val="3"/>
      </rPr>
      <t>"SLFW"</t>
    </r>
    <r>
      <rPr>
        <sz val="9"/>
        <color rgb="FF000000"/>
        <rFont val="Courier New"/>
        <family val="3"/>
      </rPr>
      <t xml:space="preserve"> addressIDDomain=</t>
    </r>
    <r>
      <rPr>
        <sz val="9"/>
        <color rgb="FFA31515"/>
        <rFont val="Courier New"/>
        <family val="3"/>
      </rPr>
      <t>"buyerLocationID"</t>
    </r>
    <r>
      <rPr>
        <sz val="9"/>
        <color rgb="FF000000"/>
        <rFont val="Courier New"/>
        <family val="3"/>
      </rPr>
      <t xml:space="preserve"> isoCountryCode=</t>
    </r>
    <r>
      <rPr>
        <sz val="9"/>
        <color rgb="FFA31515"/>
        <rFont val="Courier New"/>
        <family val="3"/>
      </rPr>
      <t>"US"</t>
    </r>
    <r>
      <rPr>
        <sz val="9"/>
        <color rgb="FF000000"/>
        <rFont val="Courier New"/>
        <family val="3"/>
      </rPr>
      <t>&gt;</t>
    </r>
  </si>
  <si>
    <r>
      <t>                        &lt;Name xml:lang=</t>
    </r>
    <r>
      <rPr>
        <sz val="9"/>
        <color rgb="FF0451A5"/>
        <rFont val="Courier New"/>
        <family val="3"/>
      </rPr>
      <t>"EN"</t>
    </r>
    <r>
      <rPr>
        <sz val="9"/>
        <color rgb="FF000000"/>
        <rFont val="Courier New"/>
        <family val="3"/>
      </rPr>
      <t>&gt;Supply Loco Whse-Fort Worth TX&lt;/Name&gt;</t>
    </r>
  </si>
  <si>
    <r>
      <t>                        &lt;PostalAddress name=</t>
    </r>
    <r>
      <rPr>
        <sz val="9"/>
        <color rgb="FFA31515"/>
        <rFont val="Courier New"/>
        <family val="3"/>
      </rPr>
      <t>"default"</t>
    </r>
    <r>
      <rPr>
        <sz val="9"/>
        <color rgb="FF000000"/>
        <rFont val="Courier New"/>
        <family val="3"/>
      </rPr>
      <t>&gt;</t>
    </r>
  </si>
  <si>
    <r>
      <t xml:space="preserve">                            &lt;Street&gt;1658 ROGERS RD BLDG </t>
    </r>
    <r>
      <rPr>
        <sz val="9"/>
        <color rgb="FF098658"/>
        <rFont val="Courier New"/>
        <family val="3"/>
      </rPr>
      <t>4346</t>
    </r>
    <r>
      <rPr>
        <sz val="9"/>
        <color rgb="FF000000"/>
        <rFont val="Courier New"/>
        <family val="3"/>
      </rPr>
      <t>&lt;/Street&gt;</t>
    </r>
  </si>
  <si>
    <t>                            &lt;City&gt;FORT WORTH&lt;/City&gt;</t>
  </si>
  <si>
    <t>                            &lt;Municipality/&gt;</t>
  </si>
  <si>
    <t>                            &lt;State&gt;Texas&lt;/State&gt;</t>
  </si>
  <si>
    <t>                            &lt;PostalCode&gt;76107&lt;/PostalCode&gt;</t>
  </si>
  <si>
    <r>
      <t>                            &lt;Country isoCountryCode=</t>
    </r>
    <r>
      <rPr>
        <sz val="9"/>
        <color rgb="FFA31515"/>
        <rFont val="Courier New"/>
        <family val="3"/>
      </rPr>
      <t>"US"</t>
    </r>
    <r>
      <rPr>
        <sz val="9"/>
        <color rgb="FF000000"/>
        <rFont val="Courier New"/>
        <family val="3"/>
      </rPr>
      <t>/&gt;</t>
    </r>
  </si>
  <si>
    <t>                        &lt;/PostalAddress&gt;</t>
  </si>
  <si>
    <t>                    &lt;/Address&gt;</t>
  </si>
  <si>
    <r>
      <t>                    &lt;IdReference domain=</t>
    </r>
    <r>
      <rPr>
        <sz val="9"/>
        <color rgb="FFA31515"/>
        <rFont val="Courier New"/>
        <family val="3"/>
      </rPr>
      <t>"buyerLocationID"</t>
    </r>
    <r>
      <rPr>
        <sz val="9"/>
        <color rgb="FF000000"/>
        <rFont val="Courier New"/>
        <family val="3"/>
      </rPr>
      <t xml:space="preserve"> identifier=</t>
    </r>
    <r>
      <rPr>
        <sz val="9"/>
        <color rgb="FFA31515"/>
        <rFont val="Courier New"/>
        <family val="3"/>
      </rPr>
      <t>"SLFW"</t>
    </r>
    <r>
      <rPr>
        <sz val="9"/>
        <color rgb="FF000000"/>
        <rFont val="Courier New"/>
        <family val="3"/>
      </rPr>
      <t>/&gt;</t>
    </r>
  </si>
  <si>
    <t>                &lt;/ShipTo&gt;</t>
  </si>
  <si>
    <t>                &lt;BillTo&gt;</t>
  </si>
  <si>
    <r>
      <t>                    &lt;Address addressID=</t>
    </r>
    <r>
      <rPr>
        <sz val="9"/>
        <color rgb="FFA31515"/>
        <rFont val="Courier New"/>
        <family val="3"/>
      </rPr>
      <t>"0100"</t>
    </r>
    <r>
      <rPr>
        <sz val="9"/>
        <color rgb="FF000000"/>
        <rFont val="Courier New"/>
        <family val="3"/>
      </rPr>
      <t xml:space="preserve"> isoCountryCode=</t>
    </r>
    <r>
      <rPr>
        <sz val="9"/>
        <color rgb="FFA31515"/>
        <rFont val="Courier New"/>
        <family val="3"/>
      </rPr>
      <t>"US"</t>
    </r>
    <r>
      <rPr>
        <sz val="9"/>
        <color rgb="FF000000"/>
        <rFont val="Courier New"/>
        <family val="3"/>
      </rPr>
      <t>&gt;</t>
    </r>
  </si>
  <si>
    <r>
      <t>                        &lt;Name xml:lang=</t>
    </r>
    <r>
      <rPr>
        <sz val="9"/>
        <color rgb="FF0451A5"/>
        <rFont val="Courier New"/>
        <family val="3"/>
      </rPr>
      <t>"EN"</t>
    </r>
    <r>
      <rPr>
        <sz val="9"/>
        <color rgb="FF000000"/>
        <rFont val="Courier New"/>
        <family val="3"/>
      </rPr>
      <t>&gt;UNION PACIFIC RAILROAD&lt;/Name&gt;</t>
    </r>
  </si>
  <si>
    <t>                        &lt;PostalAddress&gt;</t>
  </si>
  <si>
    <t>                            &lt;Street&gt;DOUGLAS ST-1400&lt;/Street&gt;</t>
  </si>
  <si>
    <t>                            &lt;City&gt;OMAHA&lt;/City&gt;</t>
  </si>
  <si>
    <t>                            &lt;State&gt;Nebraska&lt;/State&gt;</t>
  </si>
  <si>
    <t>                            &lt;PostalCode&gt;68179&lt;/PostalCode&gt;</t>
  </si>
  <si>
    <t>                        &lt;Phone&gt;</t>
  </si>
  <si>
    <t>                            &lt;TelephoneNumber&gt;</t>
  </si>
  <si>
    <r>
      <t>                                &lt;CountryCode isoCountryCode=</t>
    </r>
    <r>
      <rPr>
        <sz val="9"/>
        <color rgb="FFA31515"/>
        <rFont val="Courier New"/>
        <family val="3"/>
      </rPr>
      <t>"US"</t>
    </r>
    <r>
      <rPr>
        <sz val="9"/>
        <color rgb="FF000000"/>
        <rFont val="Courier New"/>
        <family val="3"/>
      </rPr>
      <t>/&gt;</t>
    </r>
  </si>
  <si>
    <t>                                &lt;AreaOrCityCode/&gt;</t>
  </si>
  <si>
    <t>                                &lt;Number/&gt;</t>
  </si>
  <si>
    <t>                            &lt;/TelephoneNumber&gt;</t>
  </si>
  <si>
    <t>                        &lt;/Phone&gt;</t>
  </si>
  <si>
    <t>                        &lt;Fax&gt;</t>
  </si>
  <si>
    <t>                        &lt;/Fax&gt;</t>
  </si>
  <si>
    <r>
      <t>                    &lt;IdReference domain=</t>
    </r>
    <r>
      <rPr>
        <sz val="9"/>
        <color rgb="FFA31515"/>
        <rFont val="Courier New"/>
        <family val="3"/>
      </rPr>
      <t>"buyerID"</t>
    </r>
    <r>
      <rPr>
        <sz val="9"/>
        <color rgb="FF000000"/>
        <rFont val="Courier New"/>
        <family val="3"/>
      </rPr>
      <t xml:space="preserve"> identifier=</t>
    </r>
    <r>
      <rPr>
        <sz val="9"/>
        <color rgb="FFA31515"/>
        <rFont val="Courier New"/>
        <family val="3"/>
      </rPr>
      <t>"0100"</t>
    </r>
    <r>
      <rPr>
        <sz val="9"/>
        <color rgb="FF000000"/>
        <rFont val="Courier New"/>
        <family val="3"/>
      </rPr>
      <t>/&gt;</t>
    </r>
  </si>
  <si>
    <t>                &lt;/BillTo&gt;</t>
  </si>
  <si>
    <r>
      <t>                &lt;BusinessPartner role=</t>
    </r>
    <r>
      <rPr>
        <sz val="9"/>
        <color rgb="FFA31515"/>
        <rFont val="Courier New"/>
        <family val="3"/>
      </rPr>
      <t>"soldTo"</t>
    </r>
    <r>
      <rPr>
        <sz val="9"/>
        <color rgb="FF000000"/>
        <rFont val="Courier New"/>
        <family val="3"/>
      </rPr>
      <t xml:space="preserve"> type=</t>
    </r>
    <r>
      <rPr>
        <sz val="9"/>
        <color rgb="FFA31515"/>
        <rFont val="Courier New"/>
        <family val="3"/>
      </rPr>
      <t>"organization"</t>
    </r>
    <r>
      <rPr>
        <sz val="9"/>
        <color rgb="FF000000"/>
        <rFont val="Courier New"/>
        <family val="3"/>
      </rPr>
      <t>&gt;</t>
    </r>
  </si>
  <si>
    <r>
      <t>                    &lt;Address addressID=</t>
    </r>
    <r>
      <rPr>
        <sz val="9"/>
        <color rgb="FFA31515"/>
        <rFont val="Courier New"/>
        <family val="3"/>
      </rPr>
      <t>"0100"</t>
    </r>
    <r>
      <rPr>
        <sz val="9"/>
        <color rgb="FF000000"/>
        <rFont val="Courier New"/>
        <family val="3"/>
      </rPr>
      <t xml:space="preserve"> addressIDDomain=</t>
    </r>
    <r>
      <rPr>
        <sz val="9"/>
        <color rgb="FFA31515"/>
        <rFont val="Courier New"/>
        <family val="3"/>
      </rPr>
      <t>"buyerAccountID"</t>
    </r>
    <r>
      <rPr>
        <sz val="9"/>
        <color rgb="FF000000"/>
        <rFont val="Courier New"/>
        <family val="3"/>
      </rPr>
      <t xml:space="preserve"> isoCountryCode=</t>
    </r>
    <r>
      <rPr>
        <sz val="9"/>
        <color rgb="FFA31515"/>
        <rFont val="Courier New"/>
        <family val="3"/>
      </rPr>
      <t>"US"</t>
    </r>
    <r>
      <rPr>
        <sz val="9"/>
        <color rgb="FF000000"/>
        <rFont val="Courier New"/>
        <family val="3"/>
      </rPr>
      <t>&gt;</t>
    </r>
  </si>
  <si>
    <r>
      <t>                    &lt;IdReference domain=</t>
    </r>
    <r>
      <rPr>
        <sz val="9"/>
        <color rgb="FFA31515"/>
        <rFont val="Courier New"/>
        <family val="3"/>
      </rPr>
      <t>"buyerAccountID"</t>
    </r>
    <r>
      <rPr>
        <sz val="9"/>
        <color rgb="FF000000"/>
        <rFont val="Courier New"/>
        <family val="3"/>
      </rPr>
      <t xml:space="preserve"> identifier=</t>
    </r>
    <r>
      <rPr>
        <sz val="9"/>
        <color rgb="FFA31515"/>
        <rFont val="Courier New"/>
        <family val="3"/>
      </rPr>
      <t>"0100"</t>
    </r>
    <r>
      <rPr>
        <sz val="9"/>
        <color rgb="FF000000"/>
        <rFont val="Courier New"/>
        <family val="3"/>
      </rPr>
      <t>/&gt;</t>
    </r>
  </si>
  <si>
    <t>                &lt;/BusinessPartner&gt;</t>
  </si>
  <si>
    <t>                &lt;LegalEntity&gt;</t>
  </si>
  <si>
    <r>
      <t>                    &lt;IdReference domain=</t>
    </r>
    <r>
      <rPr>
        <sz val="9"/>
        <color rgb="FFA31515"/>
        <rFont val="Courier New"/>
        <family val="3"/>
      </rPr>
      <t>"CompanyCode"</t>
    </r>
    <r>
      <rPr>
        <sz val="9"/>
        <color rgb="FF000000"/>
        <rFont val="Courier New"/>
        <family val="3"/>
      </rPr>
      <t xml:space="preserve"> identifier=</t>
    </r>
    <r>
      <rPr>
        <sz val="9"/>
        <color rgb="FFA31515"/>
        <rFont val="Courier New"/>
        <family val="3"/>
      </rPr>
      <t>"0100"</t>
    </r>
    <r>
      <rPr>
        <sz val="9"/>
        <color rgb="FF000000"/>
        <rFont val="Courier New"/>
        <family val="3"/>
      </rPr>
      <t>&gt;</t>
    </r>
  </si>
  <si>
    <r>
      <t>                        &lt;Description xml:lang=</t>
    </r>
    <r>
      <rPr>
        <sz val="9"/>
        <color rgb="FF0451A5"/>
        <rFont val="Courier New"/>
        <family val="3"/>
      </rPr>
      <t>"EN"</t>
    </r>
    <r>
      <rPr>
        <sz val="9"/>
        <color rgb="FF000000"/>
        <rFont val="Courier New"/>
        <family val="3"/>
      </rPr>
      <t>&gt;UNION PACIFIC RAILROAD&lt;/Description&gt;</t>
    </r>
  </si>
  <si>
    <t>                    &lt;/IdReference&gt;</t>
  </si>
  <si>
    <t>                &lt;/LegalEntity&gt;</t>
  </si>
  <si>
    <t>                &lt;OrganizationalUnit&gt;</t>
  </si>
  <si>
    <r>
      <t>                    &lt;IdReference domain=</t>
    </r>
    <r>
      <rPr>
        <sz val="9"/>
        <color rgb="FFA31515"/>
        <rFont val="Courier New"/>
        <family val="3"/>
      </rPr>
      <t>"PurchasingOrganization"</t>
    </r>
    <r>
      <rPr>
        <sz val="9"/>
        <color rgb="FF000000"/>
        <rFont val="Courier New"/>
        <family val="3"/>
      </rPr>
      <t xml:space="preserve"> identifier=</t>
    </r>
    <r>
      <rPr>
        <sz val="9"/>
        <color rgb="FFA31515"/>
        <rFont val="Courier New"/>
        <family val="3"/>
      </rPr>
      <t>"0100"</t>
    </r>
    <r>
      <rPr>
        <sz val="9"/>
        <color rgb="FF000000"/>
        <rFont val="Courier New"/>
        <family val="3"/>
      </rPr>
      <t>&gt;</t>
    </r>
  </si>
  <si>
    <r>
      <t>                        &lt;Description xml:lang=</t>
    </r>
    <r>
      <rPr>
        <sz val="9"/>
        <color rgb="FF0451A5"/>
        <rFont val="Courier New"/>
        <family val="3"/>
      </rPr>
      <t>"EN"</t>
    </r>
    <r>
      <rPr>
        <sz val="9"/>
        <color rgb="FF000000"/>
        <rFont val="Courier New"/>
        <family val="3"/>
      </rPr>
      <t>&gt;UP Purchase Org.&lt;/Description&gt;</t>
    </r>
  </si>
  <si>
    <t>                &lt;/OrganizationalUnit&gt;</t>
  </si>
  <si>
    <r>
      <t>                    &lt;IdReference domain=</t>
    </r>
    <r>
      <rPr>
        <sz val="9"/>
        <color rgb="FFA31515"/>
        <rFont val="Courier New"/>
        <family val="3"/>
      </rPr>
      <t>"PurchasingGroup"</t>
    </r>
    <r>
      <rPr>
        <sz val="9"/>
        <color rgb="FF000000"/>
        <rFont val="Courier New"/>
        <family val="3"/>
      </rPr>
      <t xml:space="preserve"> identifier=</t>
    </r>
    <r>
      <rPr>
        <sz val="9"/>
        <color rgb="FFA31515"/>
        <rFont val="Courier New"/>
        <family val="3"/>
      </rPr>
      <t>"01"</t>
    </r>
    <r>
      <rPr>
        <sz val="9"/>
        <color rgb="FF000000"/>
        <rFont val="Courier New"/>
        <family val="3"/>
      </rPr>
      <t>&gt;</t>
    </r>
  </si>
  <si>
    <r>
      <t>                        &lt;Description xml:lang=</t>
    </r>
    <r>
      <rPr>
        <sz val="9"/>
        <color rgb="FF0451A5"/>
        <rFont val="Courier New"/>
        <family val="3"/>
      </rPr>
      <t>"EN"</t>
    </r>
    <r>
      <rPr>
        <sz val="9"/>
        <color rgb="FF000000"/>
        <rFont val="Courier New"/>
        <family val="3"/>
      </rPr>
      <t>&gt;MOW Warehouse&lt;/Description&gt;</t>
    </r>
  </si>
  <si>
    <r>
      <t>                &lt;PaymentTerm payInNumberOfDays=</t>
    </r>
    <r>
      <rPr>
        <sz val="9"/>
        <color rgb="FFA31515"/>
        <rFont val="Courier New"/>
        <family val="3"/>
      </rPr>
      <t>"30"</t>
    </r>
    <r>
      <rPr>
        <sz val="9"/>
        <color rgb="FF000000"/>
        <rFont val="Courier New"/>
        <family val="3"/>
      </rPr>
      <t>&gt;</t>
    </r>
  </si>
  <si>
    <t>                    &lt;Discount&gt;</t>
  </si>
  <si>
    <r>
      <t>                        &lt;DiscountPercent percent=</t>
    </r>
    <r>
      <rPr>
        <sz val="9"/>
        <color rgb="FFA31515"/>
        <rFont val="Courier New"/>
        <family val="3"/>
      </rPr>
      <t>"0.000"</t>
    </r>
    <r>
      <rPr>
        <sz val="9"/>
        <color rgb="FF000000"/>
        <rFont val="Courier New"/>
        <family val="3"/>
      </rPr>
      <t>/&gt;</t>
    </r>
  </si>
  <si>
    <t>                    &lt;/Discount&gt;</t>
  </si>
  <si>
    <t>                &lt;/PaymentTerm&gt;</t>
  </si>
  <si>
    <r>
      <t>                &lt;Contact addressID=</t>
    </r>
    <r>
      <rPr>
        <sz val="9"/>
        <color rgb="FFA31515"/>
        <rFont val="Courier New"/>
        <family val="3"/>
      </rPr>
      <t>"1000000028"</t>
    </r>
    <r>
      <rPr>
        <sz val="9"/>
        <color rgb="FF000000"/>
        <rFont val="Courier New"/>
        <family val="3"/>
      </rPr>
      <t xml:space="preserve"> addressIDDomain=</t>
    </r>
    <r>
      <rPr>
        <sz val="9"/>
        <color rgb="FFA31515"/>
        <rFont val="Courier New"/>
        <family val="3"/>
      </rPr>
      <t>"buyerID"</t>
    </r>
    <r>
      <rPr>
        <sz val="9"/>
        <color rgb="FF000000"/>
        <rFont val="Courier New"/>
        <family val="3"/>
      </rPr>
      <t xml:space="preserve"> role=</t>
    </r>
    <r>
      <rPr>
        <sz val="9"/>
        <color rgb="FFA31515"/>
        <rFont val="Courier New"/>
        <family val="3"/>
      </rPr>
      <t>"supplierCorporate"</t>
    </r>
    <r>
      <rPr>
        <sz val="9"/>
        <color rgb="FF000000"/>
        <rFont val="Courier New"/>
        <family val="3"/>
      </rPr>
      <t>&gt;</t>
    </r>
  </si>
  <si>
    <t>                        &lt;Municipality/&gt;</t>
  </si>
  <si>
    <t>                        &lt;State&gt;Nebraska&lt;/State&gt;</t>
  </si>
  <si>
    <t>                        &lt;PostalCode&gt;68130&lt;/PostalCode&gt;</t>
  </si>
  <si>
    <r>
      <t>                        &lt;Country isoCountryCode=</t>
    </r>
    <r>
      <rPr>
        <sz val="9"/>
        <color rgb="FFA31515"/>
        <rFont val="Courier New"/>
        <family val="3"/>
      </rPr>
      <t>"US"</t>
    </r>
    <r>
      <rPr>
        <sz val="9"/>
        <color rgb="FF000000"/>
        <rFont val="Courier New"/>
        <family val="3"/>
      </rPr>
      <t>/&gt;</t>
    </r>
  </si>
  <si>
    <r>
      <t>                    &lt;Email name=</t>
    </r>
    <r>
      <rPr>
        <sz val="9"/>
        <color rgb="FFA31515"/>
        <rFont val="Courier New"/>
        <family val="3"/>
      </rPr>
      <t>"default"</t>
    </r>
    <r>
      <rPr>
        <sz val="9"/>
        <color rgb="FF000000"/>
        <rFont val="Courier New"/>
        <family val="3"/>
      </rPr>
      <t>&gt;testarcadis2@gmail.com&lt;/Email&gt;</t>
    </r>
  </si>
  <si>
    <t>                    &lt;Phone&gt;</t>
  </si>
  <si>
    <t>                            &lt;Number&gt;775-229-8861&lt;/Number&gt;</t>
  </si>
  <si>
    <t>                    &lt;/Phone&gt;</t>
  </si>
  <si>
    <t>                    &lt;Fax&gt;</t>
  </si>
  <si>
    <r>
      <t>                    &lt;IdReference domain=</t>
    </r>
    <r>
      <rPr>
        <sz val="9"/>
        <color rgb="FFA31515"/>
        <rFont val="Courier New"/>
        <family val="3"/>
      </rPr>
      <t>"buyerID"</t>
    </r>
    <r>
      <rPr>
        <sz val="9"/>
        <color rgb="FF000000"/>
        <rFont val="Courier New"/>
        <family val="3"/>
      </rPr>
      <t xml:space="preserve"> identifier=</t>
    </r>
    <r>
      <rPr>
        <sz val="9"/>
        <color rgb="FFA31515"/>
        <rFont val="Courier New"/>
        <family val="3"/>
      </rPr>
      <t>"1000000028"</t>
    </r>
    <r>
      <rPr>
        <sz val="9"/>
        <color rgb="FF000000"/>
        <rFont val="Courier New"/>
        <family val="3"/>
      </rPr>
      <t>/&gt;</t>
    </r>
  </si>
  <si>
    <t>                &lt;Contact&gt;</t>
  </si>
  <si>
    <r>
      <t>                    &lt;Name xml:lang=</t>
    </r>
    <r>
      <rPr>
        <sz val="9"/>
        <color rgb="FF0451A5"/>
        <rFont val="Courier New"/>
        <family val="3"/>
      </rPr>
      <t>"en"</t>
    </r>
    <r>
      <rPr>
        <sz val="9"/>
        <color rgb="FF000000"/>
        <rFont val="Courier New"/>
        <family val="3"/>
      </rPr>
      <t>&gt;Terms/Invoicing&lt;/Name&gt;</t>
    </r>
  </si>
  <si>
    <t>                    &lt;URL&gt;https:</t>
  </si>
  <si>
    <r>
      <t xml:space="preserve">                        </t>
    </r>
    <r>
      <rPr>
        <sz val="9"/>
        <color rgb="FF5F8FBF"/>
        <rFont val="Courier New"/>
        <family val="3"/>
      </rPr>
      <t>//www.up.com/suppliers/material-supplier/PurchaseOrders/index.htm&lt;/URL&gt;</t>
    </r>
  </si>
  <si>
    <r>
      <t>                    &lt;Name xml:lang=</t>
    </r>
    <r>
      <rPr>
        <sz val="9"/>
        <color rgb="FF0451A5"/>
        <rFont val="Courier New"/>
        <family val="3"/>
      </rPr>
      <t>"en"</t>
    </r>
    <r>
      <rPr>
        <sz val="9"/>
        <color rgb="FF000000"/>
        <rFont val="Courier New"/>
        <family val="3"/>
      </rPr>
      <t>&gt;MANDATORY ROUTING INSTRUCTIONS SUPPLIER PLEASE VISIT UPRR</t>
    </r>
  </si>
  <si>
    <t>                        ROUTING INSTRUCTIONS AT&lt;/Name&gt;</t>
  </si>
  <si>
    <r>
      <t xml:space="preserve">                    &lt;URL&gt;http: </t>
    </r>
    <r>
      <rPr>
        <sz val="9"/>
        <color rgb="FF5F8FBF"/>
        <rFont val="Courier New"/>
        <family val="3"/>
      </rPr>
      <t>//www.up.com/suppliers/uprouting/index.htm&lt;/URL&gt;</t>
    </r>
  </si>
  <si>
    <t>                &lt;OrderRequestHeaderIndustry&gt;</t>
  </si>
  <si>
    <r>
      <t>                    &lt;ExternalDocumentType documentType=</t>
    </r>
    <r>
      <rPr>
        <sz val="9"/>
        <color rgb="FF0451A5"/>
        <rFont val="Courier New"/>
        <family val="3"/>
      </rPr>
      <t>"ZCON"</t>
    </r>
    <r>
      <rPr>
        <sz val="9"/>
        <color rgb="FF000000"/>
        <rFont val="Courier New"/>
        <family val="3"/>
      </rPr>
      <t>&gt;</t>
    </r>
  </si>
  <si>
    <r>
      <t>                        &lt;Description xml:lang=</t>
    </r>
    <r>
      <rPr>
        <sz val="9"/>
        <color rgb="FF0451A5"/>
        <rFont val="Courier New"/>
        <family val="3"/>
      </rPr>
      <t>"EN"</t>
    </r>
    <r>
      <rPr>
        <sz val="9"/>
        <color rgb="FF000000"/>
        <rFont val="Courier New"/>
        <family val="3"/>
      </rPr>
      <t>&gt;Consignment PO&lt;/Description&gt;</t>
    </r>
  </si>
  <si>
    <t>                    &lt;/ExternalDocumentType&gt;</t>
  </si>
  <si>
    <t>                &lt;/OrderRequestHeaderIndustry&gt;</t>
  </si>
  <si>
    <r>
      <t>                &lt;Extrinsic name=</t>
    </r>
    <r>
      <rPr>
        <sz val="9"/>
        <color rgb="FFA31515"/>
        <rFont val="Courier New"/>
        <family val="3"/>
      </rPr>
      <t>"CompanyCode"</t>
    </r>
    <r>
      <rPr>
        <sz val="9"/>
        <color rgb="FF000000"/>
        <rFont val="Courier New"/>
        <family val="3"/>
      </rPr>
      <t>&gt;0100&lt;/Extrinsic&gt;</t>
    </r>
  </si>
  <si>
    <r>
      <t>                &lt;Extrinsic name=</t>
    </r>
    <r>
      <rPr>
        <sz val="9"/>
        <color rgb="FFA31515"/>
        <rFont val="Courier New"/>
        <family val="3"/>
      </rPr>
      <t>"PurchaseGroup"</t>
    </r>
    <r>
      <rPr>
        <sz val="9"/>
        <color rgb="FF000000"/>
        <rFont val="Courier New"/>
        <family val="3"/>
      </rPr>
      <t>&gt;01&lt;/Extrinsic&gt;</t>
    </r>
  </si>
  <si>
    <r>
      <t>                &lt;Extrinsic name=</t>
    </r>
    <r>
      <rPr>
        <sz val="9"/>
        <color rgb="FFA31515"/>
        <rFont val="Courier New"/>
        <family val="3"/>
      </rPr>
      <t>"PurchaseOrganization"</t>
    </r>
    <r>
      <rPr>
        <sz val="9"/>
        <color rgb="FF000000"/>
        <rFont val="Courier New"/>
        <family val="3"/>
      </rPr>
      <t>&gt;0100&lt;/Extrinsic&gt;</t>
    </r>
  </si>
  <si>
    <r>
      <t>                &lt;Extrinsic name=</t>
    </r>
    <r>
      <rPr>
        <sz val="9"/>
        <color rgb="FFA31515"/>
        <rFont val="Courier New"/>
        <family val="3"/>
      </rPr>
      <t>"Requester"</t>
    </r>
    <r>
      <rPr>
        <sz val="9"/>
        <color rgb="FF000000"/>
        <rFont val="Courier New"/>
        <family val="3"/>
      </rPr>
      <t>&gt;00526984&lt;/Extrinsic&gt;</t>
    </r>
  </si>
  <si>
    <r>
      <t>                &lt;Extrinsic name=</t>
    </r>
    <r>
      <rPr>
        <sz val="9"/>
        <color rgb="FFA31515"/>
        <rFont val="Courier New"/>
        <family val="3"/>
      </rPr>
      <t>"Ariba.invoicingAllowed"</t>
    </r>
    <r>
      <rPr>
        <sz val="9"/>
        <color rgb="FF000000"/>
        <rFont val="Courier New"/>
        <family val="3"/>
      </rPr>
      <t>&gt;Yes&lt;/Extrinsic&gt;</t>
    </r>
  </si>
  <si>
    <r>
      <t>                &lt;Extrinsic name=</t>
    </r>
    <r>
      <rPr>
        <sz val="9"/>
        <color rgb="FFA31515"/>
        <rFont val="Courier New"/>
        <family val="3"/>
      </rPr>
      <t>"Ariba.availableAmount"</t>
    </r>
    <r>
      <rPr>
        <sz val="9"/>
        <color rgb="FF000000"/>
        <rFont val="Courier New"/>
        <family val="3"/>
      </rPr>
      <t>/&gt;</t>
    </r>
  </si>
  <si>
    <r>
      <t>                &lt;Extrinsic name=</t>
    </r>
    <r>
      <rPr>
        <sz val="9"/>
        <color rgb="FFA31515"/>
        <rFont val="Courier New"/>
        <family val="3"/>
      </rPr>
      <t>"partyAdditionalID"</t>
    </r>
    <r>
      <rPr>
        <sz val="9"/>
        <color rgb="FF000000"/>
        <rFont val="Courier New"/>
        <family val="3"/>
      </rPr>
      <t>&gt;1000000028&lt;/Extrinsic&gt;</t>
    </r>
  </si>
  <si>
    <r>
      <t>                &lt;Extrinsic name=</t>
    </r>
    <r>
      <rPr>
        <sz val="9"/>
        <color rgb="FFA31515"/>
        <rFont val="Courier New"/>
        <family val="3"/>
      </rPr>
      <t>"AribaNetwork.PaymentTermsExplanation"</t>
    </r>
    <r>
      <rPr>
        <sz val="9"/>
        <color rgb="FF000000"/>
        <rFont val="Courier New"/>
        <family val="3"/>
      </rPr>
      <t xml:space="preserve">&gt;0 Disc </t>
    </r>
    <r>
      <rPr>
        <sz val="9"/>
        <color rgb="FF098658"/>
        <rFont val="Courier New"/>
        <family val="3"/>
      </rPr>
      <t>0</t>
    </r>
    <r>
      <rPr>
        <sz val="9"/>
        <color rgb="FF000000"/>
        <rFont val="Courier New"/>
        <family val="3"/>
      </rPr>
      <t xml:space="preserve"> Days </t>
    </r>
    <r>
      <rPr>
        <sz val="9"/>
        <color rgb="FF098658"/>
        <rFont val="Courier New"/>
        <family val="3"/>
      </rPr>
      <t>30</t>
    </r>
  </si>
  <si>
    <t>                    Net&lt;/Extrinsic&gt;</t>
  </si>
  <si>
    <r>
      <t>                &lt;Extrinsic name=</t>
    </r>
    <r>
      <rPr>
        <sz val="9"/>
        <color rgb="FFA31515"/>
        <rFont val="Courier New"/>
        <family val="3"/>
      </rPr>
      <t>"IsExpedited"</t>
    </r>
    <r>
      <rPr>
        <sz val="9"/>
        <color rgb="FF000000"/>
        <rFont val="Courier New"/>
        <family val="3"/>
      </rPr>
      <t>&gt;Y&lt;/Extrinsic&gt;</t>
    </r>
  </si>
  <si>
    <t>            &lt;/OrderRequestHeader&gt;</t>
  </si>
  <si>
    <r>
      <t>            &lt;ItemOut quantity=</t>
    </r>
    <r>
      <rPr>
        <sz val="9"/>
        <color rgb="FFA31515"/>
        <rFont val="Courier New"/>
        <family val="3"/>
      </rPr>
      <t>"20.000"</t>
    </r>
    <r>
      <rPr>
        <sz val="9"/>
        <color rgb="FF000000"/>
        <rFont val="Courier New"/>
        <family val="3"/>
      </rPr>
      <t xml:space="preserve"> itemCategory=</t>
    </r>
    <r>
      <rPr>
        <sz val="9"/>
        <color rgb="FFA31515"/>
        <rFont val="Courier New"/>
        <family val="3"/>
      </rPr>
      <t>"consignment"</t>
    </r>
  </si>
  <si>
    <r>
      <t>                requestedDeliveryDate=</t>
    </r>
    <r>
      <rPr>
        <sz val="9"/>
        <color rgb="FFA31515"/>
        <rFont val="Courier New"/>
        <family val="3"/>
      </rPr>
      <t>"2024-05-30T12:00:00-06:00"</t>
    </r>
    <r>
      <rPr>
        <sz val="9"/>
        <color rgb="FF000000"/>
        <rFont val="Courier New"/>
        <family val="3"/>
      </rPr>
      <t xml:space="preserve"> lineNumber=</t>
    </r>
    <r>
      <rPr>
        <sz val="9"/>
        <color rgb="FFA31515"/>
        <rFont val="Courier New"/>
        <family val="3"/>
      </rPr>
      <t>"00010"</t>
    </r>
    <r>
      <rPr>
        <sz val="9"/>
        <color rgb="FF000000"/>
        <rFont val="Courier New"/>
        <family val="3"/>
      </rPr>
      <t>&gt;</t>
    </r>
  </si>
  <si>
    <t>                &lt;ItemID&gt;</t>
  </si>
  <si>
    <t>                    &lt;SupplierPartID&gt;SUPP-MAT1234&lt;/SupplierPartID&gt;</t>
  </si>
  <si>
    <t>                    &lt;BuyerPartID&gt;10000031&lt;/BuyerPartID&gt;</t>
  </si>
  <si>
    <t>                &lt;/ItemID&gt;</t>
  </si>
  <si>
    <t>                &lt;ItemDetail&gt;</t>
  </si>
  <si>
    <t>                    &lt;UnitPrice&gt;</t>
  </si>
  <si>
    <r>
      <t>                        &lt;Money currency=</t>
    </r>
    <r>
      <rPr>
        <sz val="9"/>
        <color rgb="FFA31515"/>
        <rFont val="Courier New"/>
        <family val="3"/>
      </rPr>
      <t>"USD"</t>
    </r>
    <r>
      <rPr>
        <sz val="9"/>
        <color rgb="FF000000"/>
        <rFont val="Courier New"/>
        <family val="3"/>
      </rPr>
      <t>/&gt;</t>
    </r>
  </si>
  <si>
    <t>                    &lt;/UnitPrice&gt;</t>
  </si>
  <si>
    <r>
      <t>                    &lt;Description xml:lang=</t>
    </r>
    <r>
      <rPr>
        <sz val="9"/>
        <color rgb="FF0451A5"/>
        <rFont val="Courier New"/>
        <family val="3"/>
      </rPr>
      <t>"EN"</t>
    </r>
    <r>
      <rPr>
        <sz val="9"/>
        <color rgb="FF000000"/>
        <rFont val="Courier New"/>
        <family val="3"/>
      </rPr>
      <t>&gt;Traction Motor-REBILT_EXT&lt;/Description&gt;</t>
    </r>
  </si>
  <si>
    <t>                    &lt;UnitOfMeasure&gt;EA&lt;/UnitOfMeasure&gt;</t>
  </si>
  <si>
    <r>
      <t>                    &lt;PriceBasisQuantity quantity=</t>
    </r>
    <r>
      <rPr>
        <sz val="9"/>
        <color rgb="FFA31515"/>
        <rFont val="Courier New"/>
        <family val="3"/>
      </rPr>
      <t>"1"</t>
    </r>
    <r>
      <rPr>
        <sz val="9"/>
        <color rgb="FF000000"/>
        <rFont val="Courier New"/>
        <family val="3"/>
      </rPr>
      <t xml:space="preserve"> conversionFactor=</t>
    </r>
    <r>
      <rPr>
        <sz val="9"/>
        <color rgb="FFA31515"/>
        <rFont val="Courier New"/>
        <family val="3"/>
      </rPr>
      <t>"1"</t>
    </r>
    <r>
      <rPr>
        <sz val="9"/>
        <color rgb="FF000000"/>
        <rFont val="Courier New"/>
        <family val="3"/>
      </rPr>
      <t>&gt;</t>
    </r>
  </si>
  <si>
    <t>                        &lt;UnitOfMeasure&gt;EA&lt;/UnitOfMeasure&gt;</t>
  </si>
  <si>
    <t>                    &lt;/PriceBasisQuantity&gt;</t>
  </si>
  <si>
    <r>
      <t>                    &lt;Classification domain=</t>
    </r>
    <r>
      <rPr>
        <sz val="9"/>
        <color rgb="FFA31515"/>
        <rFont val="Courier New"/>
        <family val="3"/>
      </rPr>
      <t>"ERPCommodityCode"</t>
    </r>
    <r>
      <rPr>
        <sz val="9"/>
        <color rgb="FF000000"/>
        <rFont val="Courier New"/>
        <family val="3"/>
      </rPr>
      <t>&gt;Z01&lt;/Classification&gt;</t>
    </r>
  </si>
  <si>
    <r>
      <t>                    &lt;Classification domain=</t>
    </r>
    <r>
      <rPr>
        <sz val="9"/>
        <color rgb="FFA31515"/>
        <rFont val="Courier New"/>
        <family val="3"/>
      </rPr>
      <t>"ERPCommodityCodeDescription"</t>
    </r>
    <r>
      <rPr>
        <sz val="9"/>
        <color rgb="FF000000"/>
        <rFont val="Courier New"/>
        <family val="3"/>
      </rPr>
      <t>&gt;WORK</t>
    </r>
  </si>
  <si>
    <t>                        EQUIPMENT&lt;/Classification&gt;</t>
  </si>
  <si>
    <t>                    &lt;PlannedAcceptanceDays&gt;1&lt;/PlannedAcceptanceDays&gt;</t>
  </si>
  <si>
    <r>
      <t>                    &lt;Extrinsic name=</t>
    </r>
    <r>
      <rPr>
        <sz val="9"/>
        <color rgb="FFA31515"/>
        <rFont val="Courier New"/>
        <family val="3"/>
      </rPr>
      <t>"ReceivingType"</t>
    </r>
    <r>
      <rPr>
        <sz val="9"/>
        <color rgb="FF000000"/>
        <rFont val="Courier New"/>
        <family val="3"/>
      </rPr>
      <t>&gt;4&lt;/Extrinsic&gt;</t>
    </r>
  </si>
  <si>
    <r>
      <t>                    &lt;Extrinsic name=</t>
    </r>
    <r>
      <rPr>
        <sz val="9"/>
        <color rgb="FFA31515"/>
        <rFont val="Courier New"/>
        <family val="3"/>
      </rPr>
      <t>"extLineNumber"</t>
    </r>
    <r>
      <rPr>
        <sz val="9"/>
        <color rgb="FF000000"/>
        <rFont val="Courier New"/>
        <family val="3"/>
      </rPr>
      <t>&gt;00010&lt;/Extrinsic&gt;</t>
    </r>
  </si>
  <si>
    <r>
      <t>                    &lt;Extrinsic name=</t>
    </r>
    <r>
      <rPr>
        <sz val="9"/>
        <color rgb="FFA31515"/>
        <rFont val="Courier New"/>
        <family val="3"/>
      </rPr>
      <t>"productType"</t>
    </r>
    <r>
      <rPr>
        <sz val="9"/>
        <color rgb="FF000000"/>
        <rFont val="Courier New"/>
        <family val="3"/>
      </rPr>
      <t>&gt;REBILT_EXT&lt;/Extrinsic&gt;</t>
    </r>
  </si>
  <si>
    <r>
      <t>                    &lt;Extrinsic name=</t>
    </r>
    <r>
      <rPr>
        <sz val="9"/>
        <color rgb="FFA31515"/>
        <rFont val="Courier New"/>
        <family val="3"/>
      </rPr>
      <t>"specialInstructionsNo"</t>
    </r>
    <r>
      <rPr>
        <sz val="9"/>
        <color rgb="FF000000"/>
        <rFont val="Courier New"/>
        <family val="3"/>
      </rPr>
      <t>&gt;Expedite (1-2 days)&lt;/Extrinsic&gt;</t>
    </r>
  </si>
  <si>
    <t>                &lt;/ItemDetail&gt;</t>
  </si>
  <si>
    <r>
      <t>                &lt;Contact role=</t>
    </r>
    <r>
      <rPr>
        <sz val="9"/>
        <color rgb="FFA31515"/>
        <rFont val="Courier New"/>
        <family val="3"/>
      </rPr>
      <t>"BuyerPlannerCode"</t>
    </r>
    <r>
      <rPr>
        <sz val="9"/>
        <color rgb="FF000000"/>
        <rFont val="Courier New"/>
        <family val="3"/>
      </rPr>
      <t>&gt;</t>
    </r>
  </si>
  <si>
    <r>
      <t>                    &lt;Name xml:lang=</t>
    </r>
    <r>
      <rPr>
        <sz val="9"/>
        <color rgb="FF0451A5"/>
        <rFont val="Courier New"/>
        <family val="3"/>
      </rPr>
      <t>"EN"</t>
    </r>
    <r>
      <rPr>
        <sz val="9"/>
        <color rgb="FF000000"/>
        <rFont val="Courier New"/>
        <family val="3"/>
      </rPr>
      <t>&gt;Generic Controller&lt;/Name&gt;</t>
    </r>
  </si>
  <si>
    <r>
      <t>                    &lt;IdReference identifier=</t>
    </r>
    <r>
      <rPr>
        <sz val="9"/>
        <color rgb="FFA31515"/>
        <rFont val="Courier New"/>
        <family val="3"/>
      </rPr>
      <t>"UP"</t>
    </r>
    <r>
      <rPr>
        <sz val="9"/>
        <color rgb="FF000000"/>
        <rFont val="Courier New"/>
        <family val="3"/>
      </rPr>
      <t xml:space="preserve"> domain=</t>
    </r>
    <r>
      <rPr>
        <sz val="9"/>
        <color rgb="FFA31515"/>
        <rFont val="Courier New"/>
        <family val="3"/>
      </rPr>
      <t>"BuyerPlannerCode"</t>
    </r>
    <r>
      <rPr>
        <sz val="9"/>
        <color rgb="FF000000"/>
        <rFont val="Courier New"/>
        <family val="3"/>
      </rPr>
      <t>&gt;</t>
    </r>
  </si>
  <si>
    <r>
      <t>                        &lt;Description xml:lang=</t>
    </r>
    <r>
      <rPr>
        <sz val="9"/>
        <color rgb="FF0451A5"/>
        <rFont val="Courier New"/>
        <family val="3"/>
      </rPr>
      <t>"EN"</t>
    </r>
    <r>
      <rPr>
        <sz val="9"/>
        <color rgb="FF000000"/>
        <rFont val="Courier New"/>
        <family val="3"/>
      </rPr>
      <t>&gt;Generic Controller&lt;/Description&gt;</t>
    </r>
  </si>
  <si>
    <t>                &lt;ControlKeys&gt;</t>
  </si>
  <si>
    <r>
      <t>                    &lt;OCInstruction value=</t>
    </r>
    <r>
      <rPr>
        <sz val="9"/>
        <color rgb="FFA31515"/>
        <rFont val="Courier New"/>
        <family val="3"/>
      </rPr>
      <t>"requiredBeforeASN"</t>
    </r>
    <r>
      <rPr>
        <sz val="9"/>
        <color rgb="FF000000"/>
        <rFont val="Courier New"/>
        <family val="3"/>
      </rPr>
      <t>&gt;</t>
    </r>
  </si>
  <si>
    <t>                        &lt;Lower&gt;</t>
  </si>
  <si>
    <t>                            &lt;Tolerances&gt;</t>
  </si>
  <si>
    <r>
      <t>                                &lt;TimeTolerance limit=</t>
    </r>
    <r>
      <rPr>
        <sz val="9"/>
        <color rgb="FFA31515"/>
        <rFont val="Courier New"/>
        <family val="3"/>
      </rPr>
      <t>"999"</t>
    </r>
    <r>
      <rPr>
        <sz val="9"/>
        <color rgb="FF000000"/>
        <rFont val="Courier New"/>
        <family val="3"/>
      </rPr>
      <t xml:space="preserve"> type=</t>
    </r>
    <r>
      <rPr>
        <sz val="9"/>
        <color rgb="FFA31515"/>
        <rFont val="Courier New"/>
        <family val="3"/>
      </rPr>
      <t>"days"</t>
    </r>
    <r>
      <rPr>
        <sz val="9"/>
        <color rgb="FF000000"/>
        <rFont val="Courier New"/>
        <family val="3"/>
      </rPr>
      <t>/&gt;</t>
    </r>
  </si>
  <si>
    <t>                            &lt;/Tolerances&gt;</t>
  </si>
  <si>
    <t>                        &lt;/Lower&gt;</t>
  </si>
  <si>
    <t>                        &lt;Upper&gt;</t>
  </si>
  <si>
    <t>                        &lt;/Upper&gt;</t>
  </si>
  <si>
    <t>                    &lt;/OCInstruction&gt;</t>
  </si>
  <si>
    <r>
      <t>                    &lt;ASNInstruction value=</t>
    </r>
    <r>
      <rPr>
        <sz val="9"/>
        <color rgb="FFA31515"/>
        <rFont val="Courier New"/>
        <family val="3"/>
      </rPr>
      <t>"allowed"</t>
    </r>
    <r>
      <rPr>
        <sz val="9"/>
        <color rgb="FF000000"/>
        <rFont val="Courier New"/>
        <family val="3"/>
      </rPr>
      <t>&gt;</t>
    </r>
  </si>
  <si>
    <t>                    &lt;/ASNInstruction&gt;</t>
  </si>
  <si>
    <r>
      <t>                    &lt;InvoiceInstruction value=</t>
    </r>
    <r>
      <rPr>
        <sz val="9"/>
        <color rgb="FFA31515"/>
        <rFont val="Courier New"/>
        <family val="3"/>
      </rPr>
      <t>"isNotERS"</t>
    </r>
    <r>
      <rPr>
        <sz val="9"/>
        <color rgb="FF000000"/>
        <rFont val="Courier New"/>
        <family val="3"/>
      </rPr>
      <t>/&gt;</t>
    </r>
  </si>
  <si>
    <t>                &lt;/ControlKeys&gt;</t>
  </si>
  <si>
    <r>
      <t>                &lt;ScheduleLine quantity=</t>
    </r>
    <r>
      <rPr>
        <sz val="9"/>
        <color rgb="FFA31515"/>
        <rFont val="Courier New"/>
        <family val="3"/>
      </rPr>
      <t>"20.000"</t>
    </r>
    <r>
      <rPr>
        <sz val="9"/>
        <color rgb="FF000000"/>
        <rFont val="Courier New"/>
        <family val="3"/>
      </rPr>
      <t xml:space="preserve"> requestedDeliveryDate=</t>
    </r>
    <r>
      <rPr>
        <sz val="9"/>
        <color rgb="FFA31515"/>
        <rFont val="Courier New"/>
        <family val="3"/>
      </rPr>
      <t>"2024-05-30T12:00:00-06:00"</t>
    </r>
  </si>
  <si>
    <r>
      <t>                    lineNumber=</t>
    </r>
    <r>
      <rPr>
        <sz val="9"/>
        <color rgb="FFA31515"/>
        <rFont val="Courier New"/>
        <family val="3"/>
      </rPr>
      <t>"0001"</t>
    </r>
    <r>
      <rPr>
        <sz val="9"/>
        <color rgb="FF000000"/>
        <rFont val="Courier New"/>
        <family val="3"/>
      </rPr>
      <t>&gt;</t>
    </r>
  </si>
  <si>
    <t>                &lt;/ScheduleLine&gt;</t>
  </si>
  <si>
    <t>            &lt;/ItemOut&gt;</t>
  </si>
  <si>
    <r>
      <t>                requestedDeliveryDate=</t>
    </r>
    <r>
      <rPr>
        <sz val="9"/>
        <color rgb="FFA31515"/>
        <rFont val="Courier New"/>
        <family val="3"/>
      </rPr>
      <t>"2024-05-30T12:00:00-06:00"</t>
    </r>
    <r>
      <rPr>
        <sz val="9"/>
        <color rgb="FF000000"/>
        <rFont val="Courier New"/>
        <family val="3"/>
      </rPr>
      <t xml:space="preserve"> lineNumber=</t>
    </r>
    <r>
      <rPr>
        <sz val="9"/>
        <color rgb="FFA31515"/>
        <rFont val="Courier New"/>
        <family val="3"/>
      </rPr>
      <t>"00020"</t>
    </r>
    <r>
      <rPr>
        <sz val="9"/>
        <color rgb="FF000000"/>
        <rFont val="Courier New"/>
        <family val="3"/>
      </rPr>
      <t>&gt;</t>
    </r>
  </si>
  <si>
    <r>
      <t>                    &lt;Extrinsic name=</t>
    </r>
    <r>
      <rPr>
        <sz val="9"/>
        <color rgb="FFA31515"/>
        <rFont val="Courier New"/>
        <family val="3"/>
      </rPr>
      <t>"extLineNumber"</t>
    </r>
    <r>
      <rPr>
        <sz val="9"/>
        <color rgb="FF000000"/>
        <rFont val="Courier New"/>
        <family val="3"/>
      </rPr>
      <t>&gt;00020&lt;/Extrinsic&gt;</t>
    </r>
  </si>
  <si>
    <r>
      <t>                    &lt;Extrinsic name=</t>
    </r>
    <r>
      <rPr>
        <sz val="9"/>
        <color rgb="FFA31515"/>
        <rFont val="Courier New"/>
        <family val="3"/>
      </rPr>
      <t>"specialInstructionsNo"</t>
    </r>
    <r>
      <rPr>
        <sz val="9"/>
        <color rgb="FF000000"/>
        <rFont val="Courier New"/>
        <family val="3"/>
      </rPr>
      <t>&gt;Standard (3-7 days)&lt;/Extrinsic&gt;</t>
    </r>
  </si>
  <si>
    <t>        &lt;/OrderRequest&gt;</t>
  </si>
  <si>
    <t>    &lt;/Request&gt;</t>
  </si>
  <si>
    <t>All XML parsers support the UTF-8 (Universal Transformation Format) encoding, envelope of document</t>
  </si>
  <si>
    <t>DTDs (Document Type Definitions) are text files that describe the precise syntax and order of cXML elements.</t>
  </si>
  <si>
    <t>payloadID is a unique number with respect to space and time, used for logging purposes to identify documents that might have been lost or had problems, different for each document.
The recommended implementation is: datetime.processid.randomnumber@hostname
timestamp is the date and time the message was sent, format YYYY-MM-DDThh:mm:ss-hh:mm
version is the DTD version as previously mentioned</t>
  </si>
  <si>
    <t>File header, sender and receiver credentials</t>
  </si>
  <si>
    <r>
      <t>ANID Sent without "</t>
    </r>
    <r>
      <rPr>
        <b/>
        <sz val="11"/>
        <color rgb="FFFF0000"/>
        <rFont val="Calibri"/>
        <family val="2"/>
      </rPr>
      <t>-T</t>
    </r>
    <r>
      <rPr>
        <sz val="11"/>
        <color rgb="FF0070C0"/>
        <rFont val="Calibri"/>
        <family val="2"/>
      </rPr>
      <t>" for PROD.</t>
    </r>
  </si>
  <si>
    <t>To ANID - Supplier</t>
  </si>
  <si>
    <t>ANID Sent without "-T" for PROD.</t>
  </si>
  <si>
    <t xml:space="preserve">Sender infomration  - SAP Business Network  </t>
  </si>
  <si>
    <t xml:space="preserve">DeploymentMode indicates whether the request is a test or a production request
values are "production" or "test". 
</t>
  </si>
  <si>
    <r>
      <t>DeploymentMode indicates whether the request is a test or a production request
values are "</t>
    </r>
    <r>
      <rPr>
        <sz val="11"/>
        <color rgb="FFFF0000"/>
        <rFont val="Calibri"/>
        <family val="2"/>
        <scheme val="minor"/>
      </rPr>
      <t>production</t>
    </r>
    <r>
      <rPr>
        <sz val="11"/>
        <color rgb="FF0070C0"/>
        <rFont val="Calibri"/>
        <family val="2"/>
        <scheme val="minor"/>
      </rPr>
      <t>" or "</t>
    </r>
    <r>
      <rPr>
        <sz val="11"/>
        <color rgb="FFFF0000"/>
        <rFont val="Calibri"/>
        <family val="2"/>
        <scheme val="minor"/>
      </rPr>
      <t>test</t>
    </r>
    <r>
      <rPr>
        <sz val="11"/>
        <color rgb="FF0070C0"/>
        <rFont val="Calibri"/>
        <family val="2"/>
        <scheme val="minor"/>
      </rPr>
      <t xml:space="preserve">". 
</t>
    </r>
  </si>
  <si>
    <r>
      <t>Order type="</t>
    </r>
    <r>
      <rPr>
        <b/>
        <sz val="11"/>
        <color rgb="FF0070C0"/>
        <rFont val="Calibri"/>
        <family val="2"/>
        <scheme val="minor"/>
      </rPr>
      <t>new</t>
    </r>
    <r>
      <rPr>
        <sz val="11"/>
        <color rgb="FF0070C0"/>
        <rFont val="Calibri"/>
        <family val="2"/>
        <scheme val="minor"/>
      </rPr>
      <t>", "</t>
    </r>
    <r>
      <rPr>
        <b/>
        <sz val="11"/>
        <color rgb="FF0070C0"/>
        <rFont val="Calibri"/>
        <family val="2"/>
        <scheme val="minor"/>
      </rPr>
      <t>update</t>
    </r>
    <r>
      <rPr>
        <sz val="11"/>
        <color rgb="FF0070C0"/>
        <rFont val="Calibri"/>
        <family val="2"/>
        <scheme val="minor"/>
      </rPr>
      <t>", "</t>
    </r>
    <r>
      <rPr>
        <b/>
        <sz val="11"/>
        <color rgb="FF0070C0"/>
        <rFont val="Calibri"/>
        <family val="2"/>
        <scheme val="minor"/>
      </rPr>
      <t>cancel</t>
    </r>
    <r>
      <rPr>
        <sz val="11"/>
        <color rgb="FF0070C0"/>
        <rFont val="Calibri"/>
        <family val="2"/>
        <scheme val="minor"/>
      </rPr>
      <t>"</t>
    </r>
  </si>
  <si>
    <t>Ship To Address and ID</t>
  </si>
  <si>
    <t xml:space="preserve">Buyer location ID </t>
  </si>
  <si>
    <t>Bill To Address and ID</t>
  </si>
  <si>
    <t>Sold To Address and ID</t>
  </si>
  <si>
    <t>Legal Entity</t>
  </si>
  <si>
    <t>Organizational Unit and Purchasing Group and IDs</t>
  </si>
  <si>
    <t>Buyer ID</t>
  </si>
  <si>
    <t xml:space="preserve">Consignment PO </t>
  </si>
  <si>
    <t>Header Level Extrisic : Custom Fields</t>
  </si>
  <si>
    <t>Line tem1 detail</t>
  </si>
  <si>
    <t>Unit price</t>
  </si>
  <si>
    <t>Buyer Part ID</t>
  </si>
  <si>
    <t>Supplier part ID</t>
  </si>
  <si>
    <t xml:space="preserve">Description </t>
  </si>
  <si>
    <t>Classification</t>
  </si>
  <si>
    <t>OC Control Keys to control Quantity</t>
  </si>
  <si>
    <t>Schedule Line  - Requested Delivery Date</t>
  </si>
  <si>
    <t>Item Details</t>
  </si>
  <si>
    <t>Control keys</t>
  </si>
  <si>
    <t>Schedule line  - Requested Delivery Date</t>
  </si>
  <si>
    <t>Delta Requirements/ Notes</t>
  </si>
  <si>
    <t>payloadID is a unique number with respect to space and time, used for logging purposes to identify documents that might have been lost or had problems, different for each document.
The recommended implementation is : datetime.processid.randomnumber@hostname.
timestamp is the date and time the message was sent, format YYYY-MM-DDThh:mm:ss-hh:mm
version is the DTD version as previously mentioned</t>
  </si>
  <si>
    <r>
      <t xml:space="preserve">From is information about sender -  </t>
    </r>
    <r>
      <rPr>
        <b/>
        <sz val="11"/>
        <color rgb="FF0070C0"/>
        <rFont val="Calibri"/>
        <family val="2"/>
      </rPr>
      <t>Supplier ANID</t>
    </r>
  </si>
  <si>
    <r>
      <rPr>
        <b/>
        <sz val="11"/>
        <color rgb="FFFF0000"/>
        <rFont val="Calibri"/>
        <family val="2"/>
      </rPr>
      <t>T</t>
    </r>
    <r>
      <rPr>
        <sz val="11"/>
        <color rgb="FF0070C0"/>
        <rFont val="Calibri"/>
        <family val="2"/>
      </rPr>
      <t xml:space="preserve"> indicates a test account</t>
    </r>
  </si>
  <si>
    <r>
      <t xml:space="preserve">Sender is information about sender -  </t>
    </r>
    <r>
      <rPr>
        <b/>
        <sz val="11"/>
        <color rgb="FF0070C0"/>
        <rFont val="Calibri"/>
        <family val="2"/>
      </rPr>
      <t>Supplier ANID</t>
    </r>
  </si>
  <si>
    <t>Either OrderID or PO payloadID can be used as the PO reference.
If OrderID is the only reference sent, the SAP Business Network will always match the sending document with latest version of Purchase Order in your SAP Business Network Account.</t>
  </si>
  <si>
    <t xml:space="preserve"> PO Line Number = "10"</t>
  </si>
  <si>
    <t>Union Pacific Order confirmation cXML</t>
  </si>
  <si>
    <t>Union Pacific Consignment PO  CXML Sample</t>
  </si>
  <si>
    <t>  &lt;Header&gt;</t>
  </si>
  <si>
    <t>    &lt;From&gt;</t>
  </si>
  <si>
    <r>
      <t>      &lt;Credential domain=</t>
    </r>
    <r>
      <rPr>
        <sz val="9"/>
        <color rgb="FFA31515"/>
        <rFont val="Courier New"/>
        <family val="3"/>
      </rPr>
      <t>"NetworkID"</t>
    </r>
    <r>
      <rPr>
        <sz val="9"/>
        <color rgb="FF000000"/>
        <rFont val="Courier New"/>
        <family val="3"/>
      </rPr>
      <t>&gt;</t>
    </r>
  </si>
  <si>
    <t>        &lt;Identity&gt;AN11194282441-T&lt;/Identity&gt;</t>
  </si>
  <si>
    <t>      &lt;/Credential&gt;</t>
  </si>
  <si>
    <t>    &lt;/From&gt;</t>
  </si>
  <si>
    <t>    &lt;To&gt;</t>
  </si>
  <si>
    <t>        &lt;Identity&gt;AN11176099666-T&lt;/Identity&gt;</t>
  </si>
  <si>
    <t>    &lt;/To&gt;</t>
  </si>
  <si>
    <t>    &lt;Sender&gt;</t>
  </si>
  <si>
    <t>        &lt;Identity&gt;AN01000000087&lt;/Identity&gt;</t>
  </si>
  <si>
    <t>        &lt;SharedSecret/&gt;</t>
  </si>
  <si>
    <t>      &lt;UserAgent&gt;Ariba Supplier&lt;/UserAgent&gt;</t>
  </si>
  <si>
    <t>    &lt;/Sender&gt;</t>
  </si>
  <si>
    <t>  &lt;/Header&gt;</t>
  </si>
  <si>
    <r>
      <t>  &lt;Request deploymentMode=</t>
    </r>
    <r>
      <rPr>
        <sz val="9"/>
        <color rgb="FFA31515"/>
        <rFont val="Courier New"/>
        <family val="3"/>
      </rPr>
      <t>"test"</t>
    </r>
    <r>
      <rPr>
        <sz val="9"/>
        <color rgb="FF000000"/>
        <rFont val="Courier New"/>
        <family val="3"/>
      </rPr>
      <t>&gt;</t>
    </r>
  </si>
  <si>
    <t>    &lt;ConfirmationRequest&gt;</t>
  </si>
  <si>
    <r>
      <t>        &lt;Comments xml:lang=</t>
    </r>
    <r>
      <rPr>
        <sz val="9"/>
        <color rgb="FF0451A5"/>
        <rFont val="Courier New"/>
        <family val="3"/>
      </rPr>
      <t>"en"</t>
    </r>
    <r>
      <rPr>
        <sz val="9"/>
        <color rgb="FF000000"/>
        <rFont val="Courier New"/>
        <family val="3"/>
      </rPr>
      <t xml:space="preserve"> xmlns:xml=</t>
    </r>
    <r>
      <rPr>
        <sz val="9"/>
        <color rgb="FF0451A5"/>
        <rFont val="Courier New"/>
        <family val="3"/>
      </rPr>
      <t>"http://www.w3.org/XML/1998/namespace"</t>
    </r>
    <r>
      <rPr>
        <sz val="9"/>
        <color rgb="FF000000"/>
        <rFont val="Courier New"/>
        <family val="3"/>
      </rPr>
      <t>&gt;header level comment&lt;/Comments&gt;</t>
    </r>
  </si>
  <si>
    <t>      &lt;/ConfirmationHeader&gt;</t>
  </si>
  <si>
    <r>
      <t>      &lt;OrderReference orderID=</t>
    </r>
    <r>
      <rPr>
        <sz val="9"/>
        <color rgb="FFA31515"/>
        <rFont val="Courier New"/>
        <family val="3"/>
      </rPr>
      <t>"4500002696"</t>
    </r>
    <r>
      <rPr>
        <sz val="9"/>
        <color rgb="FF000000"/>
        <rFont val="Courier New"/>
        <family val="3"/>
      </rPr>
      <t>&gt;</t>
    </r>
  </si>
  <si>
    <r>
      <t>        &lt;DocumentReference payloadID=</t>
    </r>
    <r>
      <rPr>
        <sz val="9"/>
        <color rgb="FFA31515"/>
        <rFont val="Courier New"/>
        <family val="3"/>
      </rPr>
      <t>""</t>
    </r>
    <r>
      <rPr>
        <sz val="9"/>
        <color rgb="FF000000"/>
        <rFont val="Courier New"/>
        <family val="3"/>
      </rPr>
      <t>/&gt;</t>
    </r>
  </si>
  <si>
    <t>      &lt;/OrderReference&gt;</t>
  </si>
  <si>
    <r>
      <t>      &lt;ConfirmationItem quantity=</t>
    </r>
    <r>
      <rPr>
        <sz val="9"/>
        <color rgb="FFA31515"/>
        <rFont val="Courier New"/>
        <family val="3"/>
      </rPr>
      <t>"20"</t>
    </r>
    <r>
      <rPr>
        <sz val="9"/>
        <color rgb="FF000000"/>
        <rFont val="Courier New"/>
        <family val="3"/>
      </rPr>
      <t xml:space="preserve"> lineNumber=</t>
    </r>
    <r>
      <rPr>
        <sz val="9"/>
        <color rgb="FFA31515"/>
        <rFont val="Courier New"/>
        <family val="3"/>
      </rPr>
      <t>"10"</t>
    </r>
    <r>
      <rPr>
        <sz val="9"/>
        <color rgb="FF000000"/>
        <rFont val="Courier New"/>
        <family val="3"/>
      </rPr>
      <t>&gt;</t>
    </r>
  </si>
  <si>
    <t>        &lt;UnitOfMeasure&gt;EA&lt;/UnitOfMeasure&gt;</t>
  </si>
  <si>
    <t>          &lt;UnitOfMeasure&gt;EA&lt;/UnitOfMeasure&gt;</t>
  </si>
  <si>
    <r>
      <t>          &lt;ScheduleLineReference quantity=</t>
    </r>
    <r>
      <rPr>
        <sz val="9"/>
        <color rgb="FFA31515"/>
        <rFont val="Courier New"/>
        <family val="3"/>
      </rPr>
      <t>"20"</t>
    </r>
    <r>
      <rPr>
        <sz val="9"/>
        <color rgb="FF000000"/>
        <rFont val="Courier New"/>
        <family val="3"/>
      </rPr>
      <t xml:space="preserve"> requestedDeliveryDate=</t>
    </r>
    <r>
      <rPr>
        <sz val="9"/>
        <color rgb="FFA31515"/>
        <rFont val="Courier New"/>
        <family val="3"/>
      </rPr>
      <t>"2024-05-30T12:00:00-06:00"</t>
    </r>
    <r>
      <rPr>
        <sz val="9"/>
        <color rgb="FF000000"/>
        <rFont val="Courier New"/>
        <family val="3"/>
      </rPr>
      <t xml:space="preserve"> lineNumber=</t>
    </r>
    <r>
      <rPr>
        <sz val="9"/>
        <color rgb="FFA31515"/>
        <rFont val="Courier New"/>
        <family val="3"/>
      </rPr>
      <t>"0001"</t>
    </r>
    <r>
      <rPr>
        <sz val="9"/>
        <color rgb="FF000000"/>
        <rFont val="Courier New"/>
        <family val="3"/>
      </rPr>
      <t>/&gt;</t>
    </r>
  </si>
  <si>
    <t>        &lt;/ConfirmationStatus&gt;</t>
  </si>
  <si>
    <t>      &lt;/ConfirmationItem&gt;</t>
  </si>
  <si>
    <r>
      <t>      &lt;ConfirmationItem quantity=</t>
    </r>
    <r>
      <rPr>
        <sz val="9"/>
        <color rgb="FFA31515"/>
        <rFont val="Courier New"/>
        <family val="3"/>
      </rPr>
      <t>"20"</t>
    </r>
    <r>
      <rPr>
        <sz val="9"/>
        <color rgb="FF000000"/>
        <rFont val="Courier New"/>
        <family val="3"/>
      </rPr>
      <t xml:space="preserve"> lineNumber=</t>
    </r>
    <r>
      <rPr>
        <sz val="9"/>
        <color rgb="FFA31515"/>
        <rFont val="Courier New"/>
        <family val="3"/>
      </rPr>
      <t>"20"</t>
    </r>
    <r>
      <rPr>
        <sz val="9"/>
        <color rgb="FF000000"/>
        <rFont val="Courier New"/>
        <family val="3"/>
      </rPr>
      <t>&gt;</t>
    </r>
  </si>
  <si>
    <t>    &lt;/ConfirmationRequest&gt;</t>
  </si>
  <si>
    <t>  &lt;/Request&gt;</t>
  </si>
  <si>
    <r>
      <t>&lt;?xml version=</t>
    </r>
    <r>
      <rPr>
        <sz val="9"/>
        <color rgb="FFA31515"/>
        <rFont val="Courier New"/>
        <family val="3"/>
      </rPr>
      <t>"1.0"</t>
    </r>
    <r>
      <rPr>
        <sz val="9"/>
        <color rgb="FF000000"/>
        <rFont val="Courier New"/>
        <family val="3"/>
      </rPr>
      <t xml:space="preserve"> encoding=</t>
    </r>
    <r>
      <rPr>
        <sz val="9"/>
        <color rgb="FFA31515"/>
        <rFont val="Courier New"/>
        <family val="3"/>
      </rPr>
      <t>"utf-8"</t>
    </r>
    <r>
      <rPr>
        <sz val="9"/>
        <color rgb="FF000000"/>
        <rFont val="Courier New"/>
        <family val="3"/>
      </rPr>
      <t xml:space="preserve">?&gt;&lt;!DOCTYPE cXML SYSTEM </t>
    </r>
    <r>
      <rPr>
        <sz val="9"/>
        <color rgb="FFA31515"/>
        <rFont val="Courier New"/>
        <family val="3"/>
      </rPr>
      <t>"http://xml.cxml.org/schemas/cXML/1.2.061/Fulfill.dtd"</t>
    </r>
    <r>
      <rPr>
        <sz val="9"/>
        <color rgb="FF000000"/>
        <rFont val="Courier New"/>
        <family val="3"/>
      </rPr>
      <t>&gt;
&lt;cXML payloadID=</t>
    </r>
    <r>
      <rPr>
        <sz val="9"/>
        <color rgb="FFA31515"/>
        <rFont val="Courier New"/>
        <family val="3"/>
      </rPr>
      <t>"000000001"</t>
    </r>
    <r>
      <rPr>
        <sz val="9"/>
        <color rgb="FF000000"/>
        <rFont val="Courier New"/>
        <family val="3"/>
      </rPr>
      <t xml:space="preserve"> timestamp=</t>
    </r>
    <r>
      <rPr>
        <sz val="9"/>
        <color rgb="FFA31515"/>
        <rFont val="Courier New"/>
        <family val="3"/>
      </rPr>
      <t>"2024-06-05T03:24:58+00:00"</t>
    </r>
    <r>
      <rPr>
        <sz val="9"/>
        <color rgb="FF000000"/>
        <rFont val="Courier New"/>
        <family val="3"/>
      </rPr>
      <t>&gt;</t>
    </r>
  </si>
  <si>
    <r>
      <t xml:space="preserve">To is information about receiver - </t>
    </r>
    <r>
      <rPr>
        <b/>
        <sz val="11"/>
        <color rgb="FF0070C0"/>
        <rFont val="Calibri"/>
        <family val="2"/>
      </rPr>
      <t>Union Pacific  ANID</t>
    </r>
  </si>
  <si>
    <t xml:space="preserve">PayloadID of the original OC will need to be sent if sending OC Update.
</t>
  </si>
  <si>
    <r>
      <rPr>
        <sz val="11"/>
        <color rgb="FF0070C0"/>
        <rFont val="Calibri"/>
        <family val="2"/>
      </rPr>
      <t>type = "</t>
    </r>
    <r>
      <rPr>
        <sz val="11"/>
        <color rgb="FFFF0000"/>
        <rFont val="Calibri"/>
        <family val="2"/>
      </rPr>
      <t>detail</t>
    </r>
    <r>
      <rPr>
        <sz val="11"/>
        <color rgb="FF0070C0"/>
        <rFont val="Calibri"/>
        <family val="2"/>
      </rPr>
      <t>", "</t>
    </r>
    <r>
      <rPr>
        <sz val="11"/>
        <color rgb="FFFF0000"/>
        <rFont val="Calibri"/>
        <family val="2"/>
      </rPr>
      <t>accept</t>
    </r>
    <r>
      <rPr>
        <sz val="11"/>
        <color rgb="FF0070C0"/>
        <rFont val="Calibri"/>
        <family val="2"/>
      </rPr>
      <t>"
operation="</t>
    </r>
    <r>
      <rPr>
        <sz val="11"/>
        <color rgb="FFFF0000"/>
        <rFont val="Calibri"/>
        <family val="2"/>
      </rPr>
      <t>new</t>
    </r>
    <r>
      <rPr>
        <sz val="11"/>
        <color rgb="FF0070C0"/>
        <rFont val="Calibri"/>
        <family val="2"/>
      </rPr>
      <t>" for the first order confirmation
operation = "</t>
    </r>
    <r>
      <rPr>
        <sz val="11"/>
        <color rgb="FFFF0000"/>
        <rFont val="Calibri"/>
        <family val="2"/>
      </rPr>
      <t>update</t>
    </r>
    <r>
      <rPr>
        <sz val="11"/>
        <color rgb="FF0070C0"/>
        <rFont val="Calibri"/>
        <family val="2"/>
      </rPr>
      <t xml:space="preserve">" for subsequent order confirmations. 
</t>
    </r>
    <r>
      <rPr>
        <sz val="11"/>
        <color theme="1"/>
        <rFont val="Calibri"/>
        <family val="2"/>
      </rPr>
      <t xml:space="preserve">
</t>
    </r>
  </si>
  <si>
    <t>Comments to buyer</t>
  </si>
  <si>
    <t xml:space="preserve"> PO Line Number = "20"</t>
  </si>
  <si>
    <t>cXML sample for ASN</t>
  </si>
  <si>
    <t>The data in this column identifies the specific and unique requirements from the sample transaction in column A.</t>
  </si>
  <si>
    <t>Supplier Ship From information</t>
  </si>
  <si>
    <t>Buyer Ship To information</t>
  </si>
  <si>
    <t>Buyer  Part ID</t>
  </si>
  <si>
    <r>
      <t>&lt;?xml version=</t>
    </r>
    <r>
      <rPr>
        <sz val="9"/>
        <color rgb="FFA31515"/>
        <rFont val="Courier New"/>
        <family val="3"/>
      </rPr>
      <t>"1.0"</t>
    </r>
    <r>
      <rPr>
        <sz val="9"/>
        <color rgb="FF000000"/>
        <rFont val="Courier New"/>
        <family val="3"/>
      </rPr>
      <t xml:space="preserve"> encoding=</t>
    </r>
    <r>
      <rPr>
        <sz val="9"/>
        <color rgb="FFA31515"/>
        <rFont val="Courier New"/>
        <family val="3"/>
      </rPr>
      <t>"utf-8"</t>
    </r>
    <r>
      <rPr>
        <sz val="9"/>
        <color rgb="FF000000"/>
        <rFont val="Courier New"/>
        <family val="3"/>
      </rPr>
      <t xml:space="preserve">?&gt;&lt;!DOCTYPE cXML SYSTEM </t>
    </r>
    <r>
      <rPr>
        <sz val="9"/>
        <color rgb="FFA31515"/>
        <rFont val="Courier New"/>
        <family val="3"/>
      </rPr>
      <t>"http://xml.cxml.org/schemas/cXML/1.2.061/Fulfill.dtd"</t>
    </r>
    <r>
      <rPr>
        <sz val="9"/>
        <color rgb="FF000000"/>
        <rFont val="Courier New"/>
        <family val="3"/>
      </rPr>
      <t>&gt;</t>
    </r>
  </si>
  <si>
    <r>
      <t>&lt;cXML payloadID=</t>
    </r>
    <r>
      <rPr>
        <sz val="9"/>
        <color rgb="FFA31515"/>
        <rFont val="Courier New"/>
        <family val="3"/>
      </rPr>
      <t>"101662999"</t>
    </r>
    <r>
      <rPr>
        <sz val="9"/>
        <color rgb="FF000000"/>
        <rFont val="Courier New"/>
        <family val="3"/>
      </rPr>
      <t xml:space="preserve"> timestamp=</t>
    </r>
    <r>
      <rPr>
        <sz val="9"/>
        <color rgb="FFA31515"/>
        <rFont val="Courier New"/>
        <family val="3"/>
      </rPr>
      <t>"2024-06-05T04:00:39+00:00"</t>
    </r>
    <r>
      <rPr>
        <sz val="9"/>
        <color rgb="FF000000"/>
        <rFont val="Courier New"/>
        <family val="3"/>
      </rPr>
      <t>&gt;</t>
    </r>
  </si>
  <si>
    <t>                &lt;Identity&gt;AN01000000087&lt;/Identity&gt;</t>
  </si>
  <si>
    <t>                &lt;SharedSecret/&gt;</t>
  </si>
  <si>
    <t>        &lt;ShipNoticeRequest&gt;</t>
  </si>
  <si>
    <r>
      <t>            &lt;ShipNoticeHeader shipmentID=</t>
    </r>
    <r>
      <rPr>
        <sz val="9"/>
        <color rgb="FFA31515"/>
        <rFont val="Courier New"/>
        <family val="3"/>
      </rPr>
      <t>"ASN4500002696"</t>
    </r>
    <r>
      <rPr>
        <sz val="9"/>
        <color rgb="FF000000"/>
        <rFont val="Courier New"/>
        <family val="3"/>
      </rPr>
      <t xml:space="preserve"> operation=</t>
    </r>
    <r>
      <rPr>
        <sz val="9"/>
        <color rgb="FFA31515"/>
        <rFont val="Courier New"/>
        <family val="3"/>
      </rPr>
      <t>"new"</t>
    </r>
  </si>
  <si>
    <r>
      <t>                noticeDate=</t>
    </r>
    <r>
      <rPr>
        <sz val="9"/>
        <color rgb="FFA31515"/>
        <rFont val="Courier New"/>
        <family val="3"/>
      </rPr>
      <t>"2024-06-04T12:00:00+00:00"</t>
    </r>
    <r>
      <rPr>
        <sz val="9"/>
        <color rgb="FF000000"/>
        <rFont val="Courier New"/>
        <family val="3"/>
      </rPr>
      <t xml:space="preserve"> deliveryDate=</t>
    </r>
    <r>
      <rPr>
        <sz val="9"/>
        <color rgb="FFA31515"/>
        <rFont val="Courier New"/>
        <family val="3"/>
      </rPr>
      <t>"2024-05-30T12:00:00+00:00"</t>
    </r>
  </si>
  <si>
    <r>
      <t>                shipmentType=</t>
    </r>
    <r>
      <rPr>
        <sz val="9"/>
        <color rgb="FFA31515"/>
        <rFont val="Courier New"/>
        <family val="3"/>
      </rPr>
      <t>"actual"</t>
    </r>
    <r>
      <rPr>
        <sz val="9"/>
        <color rgb="FF000000"/>
        <rFont val="Courier New"/>
        <family val="3"/>
      </rPr>
      <t>&gt;</t>
    </r>
  </si>
  <si>
    <r>
      <t>                &lt;Contact role=</t>
    </r>
    <r>
      <rPr>
        <sz val="9"/>
        <color rgb="FFA31515"/>
        <rFont val="Courier New"/>
        <family val="3"/>
      </rPr>
      <t>"shipFrom"</t>
    </r>
    <r>
      <rPr>
        <sz val="9"/>
        <color rgb="FF000000"/>
        <rFont val="Courier New"/>
        <family val="3"/>
      </rPr>
      <t>&gt;</t>
    </r>
  </si>
  <si>
    <r>
      <t>                    &lt;Name xml:lang=</t>
    </r>
    <r>
      <rPr>
        <sz val="9"/>
        <color rgb="FF0451A5"/>
        <rFont val="Courier New"/>
        <family val="3"/>
      </rPr>
      <t>"en"</t>
    </r>
    <r>
      <rPr>
        <sz val="9"/>
        <color rgb="FF000000"/>
        <rFont val="Courier New"/>
        <family val="3"/>
      </rPr>
      <t>&gt;Arcadis U S INC Test - TEST&lt;/Name&gt;</t>
    </r>
  </si>
  <si>
    <t>                        &lt;Street&gt;St-Louis&lt;/Street&gt;</t>
  </si>
  <si>
    <t>                        &lt;City&gt;Bengaluru&lt;/City&gt;</t>
  </si>
  <si>
    <t>                        &lt;State&gt;IN-KA&lt;/State&gt;</t>
  </si>
  <si>
    <t>                        &lt;PostalCode&gt;560017&lt;/PostalCode&gt;</t>
  </si>
  <si>
    <r>
      <t>                        &lt;Country isoCountryCode=</t>
    </r>
    <r>
      <rPr>
        <sz val="9"/>
        <color rgb="FFA31515"/>
        <rFont val="Courier New"/>
        <family val="3"/>
      </rPr>
      <t>"IN"</t>
    </r>
    <r>
      <rPr>
        <sz val="9"/>
        <color rgb="FF000000"/>
        <rFont val="Courier New"/>
        <family val="3"/>
      </rPr>
      <t>&gt;India&lt;/Country&gt;</t>
    </r>
  </si>
  <si>
    <r>
      <t>                &lt;Contact role=</t>
    </r>
    <r>
      <rPr>
        <sz val="9"/>
        <color rgb="FFA31515"/>
        <rFont val="Courier New"/>
        <family val="3"/>
      </rPr>
      <t>"shipTo"</t>
    </r>
    <r>
      <rPr>
        <sz val="9"/>
        <color rgb="FF000000"/>
        <rFont val="Courier New"/>
        <family val="3"/>
      </rPr>
      <t xml:space="preserve"> addressID=</t>
    </r>
    <r>
      <rPr>
        <sz val="9"/>
        <color rgb="FFA31515"/>
        <rFont val="Courier New"/>
        <family val="3"/>
      </rPr>
      <t>"SLFW"</t>
    </r>
    <r>
      <rPr>
        <sz val="9"/>
        <color rgb="FF000000"/>
        <rFont val="Courier New"/>
        <family val="3"/>
      </rPr>
      <t>&gt;</t>
    </r>
  </si>
  <si>
    <r>
      <t>                    &lt;Name xml:lang=</t>
    </r>
    <r>
      <rPr>
        <sz val="9"/>
        <color rgb="FF0451A5"/>
        <rFont val="Courier New"/>
        <family val="3"/>
      </rPr>
      <t>"en"</t>
    </r>
    <r>
      <rPr>
        <sz val="9"/>
        <color rgb="FF000000"/>
        <rFont val="Courier New"/>
        <family val="3"/>
      </rPr>
      <t>&gt;Supply Loco Whse-Fort Worth TX&lt;/Name&gt;</t>
    </r>
  </si>
  <si>
    <r>
      <t xml:space="preserve">                        &lt;Street&gt;1658 ROGERS RD BLDG </t>
    </r>
    <r>
      <rPr>
        <sz val="9"/>
        <color rgb="FF098658"/>
        <rFont val="Courier New"/>
        <family val="3"/>
      </rPr>
      <t>4346</t>
    </r>
    <r>
      <rPr>
        <sz val="9"/>
        <color rgb="FF000000"/>
        <rFont val="Courier New"/>
        <family val="3"/>
      </rPr>
      <t>&lt;/Street&gt;</t>
    </r>
  </si>
  <si>
    <t>                        &lt;City&gt;FORT WORTH&lt;/City&gt;</t>
  </si>
  <si>
    <t>                        &lt;State&gt;TX&lt;/State&gt;</t>
  </si>
  <si>
    <t>                        &lt;PostalCode&gt;76107&lt;/PostalCode&gt;</t>
  </si>
  <si>
    <r>
      <t>                        &lt;Country isoCountryCode=</t>
    </r>
    <r>
      <rPr>
        <sz val="9"/>
        <color rgb="FFA31515"/>
        <rFont val="Courier New"/>
        <family val="3"/>
      </rPr>
      <t>"US"</t>
    </r>
    <r>
      <rPr>
        <sz val="9"/>
        <color rgb="FF000000"/>
        <rFont val="Courier New"/>
        <family val="3"/>
      </rPr>
      <t>&gt;United States&lt;/Country&gt;</t>
    </r>
  </si>
  <si>
    <t>                &lt;Packaging&gt;</t>
  </si>
  <si>
    <r>
      <t>                    &lt;Dimension quantity=</t>
    </r>
    <r>
      <rPr>
        <sz val="9"/>
        <color rgb="FFA31515"/>
        <rFont val="Courier New"/>
        <family val="3"/>
      </rPr>
      <t>"33"</t>
    </r>
    <r>
      <rPr>
        <sz val="9"/>
        <color rgb="FF000000"/>
        <rFont val="Courier New"/>
        <family val="3"/>
      </rPr>
      <t xml:space="preserve"> type=</t>
    </r>
    <r>
      <rPr>
        <sz val="9"/>
        <color rgb="FFA31515"/>
        <rFont val="Courier New"/>
        <family val="3"/>
      </rPr>
      <t>"length"</t>
    </r>
    <r>
      <rPr>
        <sz val="9"/>
        <color rgb="FF000000"/>
        <rFont val="Courier New"/>
        <family val="3"/>
      </rPr>
      <t>&gt;</t>
    </r>
  </si>
  <si>
    <t>                        &lt;UnitOfMeasure&gt;INH&lt;/UnitOfMeasure&gt;</t>
  </si>
  <si>
    <t>                    &lt;/Dimension&gt;</t>
  </si>
  <si>
    <r>
      <t>                    &lt;Dimension quantity=</t>
    </r>
    <r>
      <rPr>
        <sz val="9"/>
        <color rgb="FFA31515"/>
        <rFont val="Courier New"/>
        <family val="3"/>
      </rPr>
      <t>"44"</t>
    </r>
    <r>
      <rPr>
        <sz val="9"/>
        <color rgb="FF000000"/>
        <rFont val="Courier New"/>
        <family val="3"/>
      </rPr>
      <t xml:space="preserve"> type=</t>
    </r>
    <r>
      <rPr>
        <sz val="9"/>
        <color rgb="FFA31515"/>
        <rFont val="Courier New"/>
        <family val="3"/>
      </rPr>
      <t>"width"</t>
    </r>
    <r>
      <rPr>
        <sz val="9"/>
        <color rgb="FF000000"/>
        <rFont val="Courier New"/>
        <family val="3"/>
      </rPr>
      <t>&gt;</t>
    </r>
  </si>
  <si>
    <r>
      <t>                    &lt;Dimension quantity=</t>
    </r>
    <r>
      <rPr>
        <sz val="9"/>
        <color rgb="FFA31515"/>
        <rFont val="Courier New"/>
        <family val="3"/>
      </rPr>
      <t>"55"</t>
    </r>
    <r>
      <rPr>
        <sz val="9"/>
        <color rgb="FF000000"/>
        <rFont val="Courier New"/>
        <family val="3"/>
      </rPr>
      <t xml:space="preserve"> type=</t>
    </r>
    <r>
      <rPr>
        <sz val="9"/>
        <color rgb="FFA31515"/>
        <rFont val="Courier New"/>
        <family val="3"/>
      </rPr>
      <t>"height"</t>
    </r>
    <r>
      <rPr>
        <sz val="9"/>
        <color rgb="FF000000"/>
        <rFont val="Courier New"/>
        <family val="3"/>
      </rPr>
      <t>&gt;</t>
    </r>
  </si>
  <si>
    <r>
      <t>                    &lt;Dimension quantity=</t>
    </r>
    <r>
      <rPr>
        <sz val="9"/>
        <color rgb="FFA31515"/>
        <rFont val="Courier New"/>
        <family val="3"/>
      </rPr>
      <t>"22"</t>
    </r>
    <r>
      <rPr>
        <sz val="9"/>
        <color rgb="FF000000"/>
        <rFont val="Courier New"/>
        <family val="3"/>
      </rPr>
      <t xml:space="preserve"> type=</t>
    </r>
    <r>
      <rPr>
        <sz val="9"/>
        <color rgb="FFA31515"/>
        <rFont val="Courier New"/>
        <family val="3"/>
      </rPr>
      <t>"grossWeight"</t>
    </r>
    <r>
      <rPr>
        <sz val="9"/>
        <color rgb="FF000000"/>
        <rFont val="Courier New"/>
        <family val="3"/>
      </rPr>
      <t>&gt;</t>
    </r>
  </si>
  <si>
    <t>                        &lt;UnitOfMeasure&gt;LBR&lt;/UnitOfMeasure&gt;</t>
  </si>
  <si>
    <r>
      <t>                    &lt;Dimension quantity=</t>
    </r>
    <r>
      <rPr>
        <sz val="9"/>
        <color rgb="FFA31515"/>
        <rFont val="Courier New"/>
        <family val="3"/>
      </rPr>
      <t>"11"</t>
    </r>
    <r>
      <rPr>
        <sz val="9"/>
        <color rgb="FF000000"/>
        <rFont val="Courier New"/>
        <family val="3"/>
      </rPr>
      <t xml:space="preserve"> type=</t>
    </r>
    <r>
      <rPr>
        <sz val="9"/>
        <color rgb="FFA31515"/>
        <rFont val="Courier New"/>
        <family val="3"/>
      </rPr>
      <t>"grossVolume"</t>
    </r>
    <r>
      <rPr>
        <sz val="9"/>
        <color rgb="FF000000"/>
        <rFont val="Courier New"/>
        <family val="3"/>
      </rPr>
      <t>&gt;</t>
    </r>
  </si>
  <si>
    <t>                        &lt;UnitOfMeasure&gt;MTQ&lt;/UnitOfMeasure&gt;</t>
  </si>
  <si>
    <t>                &lt;/Packaging&gt;</t>
  </si>
  <si>
    <r>
      <t>                &lt;Extrinsic name=</t>
    </r>
    <r>
      <rPr>
        <sz val="9"/>
        <color rgb="FFA31515"/>
        <rFont val="Courier New"/>
        <family val="3"/>
      </rPr>
      <t>"transportRoute"</t>
    </r>
    <r>
      <rPr>
        <sz val="9"/>
        <color rgb="FF000000"/>
        <rFont val="Courier New"/>
        <family val="3"/>
      </rPr>
      <t>&gt;ZLHS&lt;/Extrinsic&gt;</t>
    </r>
  </si>
  <si>
    <t>            &lt;/ShipNoticeHeader&gt;</t>
  </si>
  <si>
    <t>            &lt;ShipNoticePortion&gt;</t>
  </si>
  <si>
    <r>
      <t>                &lt;OrderReference orderID=</t>
    </r>
    <r>
      <rPr>
        <sz val="9"/>
        <color rgb="FFA31515"/>
        <rFont val="Courier New"/>
        <family val="3"/>
      </rPr>
      <t>"4500002696"</t>
    </r>
    <r>
      <rPr>
        <sz val="9"/>
        <color rgb="FF000000"/>
        <rFont val="Courier New"/>
        <family val="3"/>
      </rPr>
      <t>&gt;</t>
    </r>
  </si>
  <si>
    <r>
      <t>                    &lt;DocumentReference payloadID=</t>
    </r>
    <r>
      <rPr>
        <sz val="9"/>
        <color rgb="FFA31515"/>
        <rFont val="Courier New"/>
        <family val="3"/>
      </rPr>
      <t>""</t>
    </r>
    <r>
      <rPr>
        <sz val="9"/>
        <color rgb="FF000000"/>
        <rFont val="Courier New"/>
        <family val="3"/>
      </rPr>
      <t>/&gt;</t>
    </r>
  </si>
  <si>
    <t>                &lt;/OrderReference&gt;</t>
  </si>
  <si>
    <r>
      <t>                &lt;ShipNoticeItem quantity=</t>
    </r>
    <r>
      <rPr>
        <sz val="9"/>
        <color rgb="FFA31515"/>
        <rFont val="Courier New"/>
        <family val="3"/>
      </rPr>
      <t>"20.000"</t>
    </r>
    <r>
      <rPr>
        <sz val="9"/>
        <color rgb="FF000000"/>
        <rFont val="Courier New"/>
        <family val="3"/>
      </rPr>
      <t xml:space="preserve"> lineNumber=</t>
    </r>
    <r>
      <rPr>
        <sz val="9"/>
        <color rgb="FFA31515"/>
        <rFont val="Courier New"/>
        <family val="3"/>
      </rPr>
      <t>"10"</t>
    </r>
    <r>
      <rPr>
        <sz val="9"/>
        <color rgb="FF000000"/>
        <rFont val="Courier New"/>
        <family val="3"/>
      </rPr>
      <t xml:space="preserve"> shipNoticeLineNumber=</t>
    </r>
    <r>
      <rPr>
        <sz val="9"/>
        <color rgb="FFA31515"/>
        <rFont val="Courier New"/>
        <family val="3"/>
      </rPr>
      <t>"1"</t>
    </r>
    <r>
      <rPr>
        <sz val="9"/>
        <color rgb="FF000000"/>
        <rFont val="Courier New"/>
        <family val="3"/>
      </rPr>
      <t>&gt;</t>
    </r>
  </si>
  <si>
    <t>                    &lt;ItemID&gt;</t>
  </si>
  <si>
    <t>                        &lt;SupplierPartID&gt;SUPP-MAT1234&lt;/SupplierPartID&gt;</t>
  </si>
  <si>
    <t>                        &lt;BuyerPartID&gt;10000031&lt;/BuyerPartID&gt;</t>
  </si>
  <si>
    <t>                    &lt;/ItemID&gt;</t>
  </si>
  <si>
    <r>
      <t>                    &lt;Extrinsic name=</t>
    </r>
    <r>
      <rPr>
        <sz val="9"/>
        <color rgb="FFA31515"/>
        <rFont val="Courier New"/>
        <family val="3"/>
      </rPr>
      <t>"customersPartNo"</t>
    </r>
    <r>
      <rPr>
        <sz val="9"/>
        <color rgb="FF000000"/>
        <rFont val="Courier New"/>
        <family val="3"/>
      </rPr>
      <t>&gt;10000031&lt;/Extrinsic&gt;</t>
    </r>
  </si>
  <si>
    <t>                &lt;/ShipNoticeItem&gt;</t>
  </si>
  <si>
    <r>
      <t>                &lt;ShipNoticeItem quantity=</t>
    </r>
    <r>
      <rPr>
        <sz val="9"/>
        <color rgb="FFA31515"/>
        <rFont val="Courier New"/>
        <family val="3"/>
      </rPr>
      <t>"20.000"</t>
    </r>
    <r>
      <rPr>
        <sz val="9"/>
        <color rgb="FF000000"/>
        <rFont val="Courier New"/>
        <family val="3"/>
      </rPr>
      <t xml:space="preserve"> lineNumber=</t>
    </r>
    <r>
      <rPr>
        <sz val="9"/>
        <color rgb="FFA31515"/>
        <rFont val="Courier New"/>
        <family val="3"/>
      </rPr>
      <t>"20"</t>
    </r>
    <r>
      <rPr>
        <sz val="9"/>
        <color rgb="FF000000"/>
        <rFont val="Courier New"/>
        <family val="3"/>
      </rPr>
      <t xml:space="preserve"> shipNoticeLineNumber=</t>
    </r>
    <r>
      <rPr>
        <sz val="9"/>
        <color rgb="FFA31515"/>
        <rFont val="Courier New"/>
        <family val="3"/>
      </rPr>
      <t>"2"</t>
    </r>
    <r>
      <rPr>
        <sz val="9"/>
        <color rgb="FF000000"/>
        <rFont val="Courier New"/>
        <family val="3"/>
      </rPr>
      <t>&gt;</t>
    </r>
  </si>
  <si>
    <t>            &lt;/ShipNoticePortion&gt;</t>
  </si>
  <si>
    <t>        &lt;/ShipNoticeRequest&gt;</t>
  </si>
  <si>
    <r>
      <t xml:space="preserve">To is the information about the Buyer  - </t>
    </r>
    <r>
      <rPr>
        <b/>
        <sz val="11"/>
        <color rgb="FF0070C0"/>
        <rFont val="Calibri"/>
        <family val="2"/>
      </rPr>
      <t>Union Pacific ANID</t>
    </r>
  </si>
  <si>
    <r>
      <t>DeploymentMode indicates whether the request is a test or a production request
values are "</t>
    </r>
    <r>
      <rPr>
        <sz val="11"/>
        <color rgb="FFFF0000"/>
        <rFont val="Calibri"/>
        <family val="2"/>
      </rPr>
      <t>production</t>
    </r>
    <r>
      <rPr>
        <sz val="11"/>
        <color rgb="FF0070C0"/>
        <rFont val="Calibri"/>
        <family val="2"/>
      </rPr>
      <t>" or "</t>
    </r>
    <r>
      <rPr>
        <sz val="11"/>
        <color rgb="FFFF0000"/>
        <rFont val="Calibri"/>
        <family val="2"/>
      </rPr>
      <t>test</t>
    </r>
    <r>
      <rPr>
        <sz val="11"/>
        <color rgb="FF0070C0"/>
        <rFont val="Calibri"/>
        <family val="2"/>
      </rPr>
      <t xml:space="preserve">". 
</t>
    </r>
  </si>
  <si>
    <t>ASN has to be a  unique Shipment ID</t>
  </si>
  <si>
    <t>Packaging information ( Dimensions )</t>
  </si>
  <si>
    <t>Transport terms which is required by the customer.</t>
  </si>
  <si>
    <r>
      <rPr>
        <b/>
        <sz val="11"/>
        <color rgb="FF0070C0"/>
        <rFont val="Calibri"/>
        <family val="2"/>
      </rPr>
      <t>lineNumber</t>
    </r>
    <r>
      <rPr>
        <sz val="11"/>
        <color rgb="FF0070C0"/>
        <rFont val="Calibri"/>
        <family val="2"/>
      </rPr>
      <t xml:space="preserve"> must match the </t>
    </r>
    <r>
      <rPr>
        <b/>
        <sz val="11"/>
        <color rgb="FF0070C0"/>
        <rFont val="Calibri"/>
        <family val="2"/>
      </rPr>
      <t xml:space="preserve">lineNumber </t>
    </r>
    <r>
      <rPr>
        <sz val="11"/>
        <color rgb="FF0070C0"/>
        <rFont val="Calibri"/>
        <family val="2"/>
      </rPr>
      <t xml:space="preserve">of the Purchase Order 
shipNoticeLineNumber comes from the supplier and doesn't track back to Purchase Order
</t>
    </r>
  </si>
  <si>
    <t xml:space="preserve">Line Number 20
</t>
  </si>
  <si>
    <t>Gilead SubCon CXML Good Receipt Sample</t>
  </si>
  <si>
    <t>To -  Supplier ANID</t>
  </si>
  <si>
    <t>This segment contains:</t>
  </si>
  <si>
    <r>
      <rPr>
        <b/>
        <sz val="11"/>
        <color rgb="FF0070C0"/>
        <rFont val="Calibri"/>
        <family val="2"/>
      </rPr>
      <t>operation</t>
    </r>
    <r>
      <rPr>
        <sz val="11"/>
        <color rgb="FF0070C0"/>
        <rFont val="Calibri"/>
        <family val="2"/>
      </rPr>
      <t>: is "new" as per default</t>
    </r>
  </si>
  <si>
    <r>
      <rPr>
        <b/>
        <sz val="11"/>
        <color rgb="FF0070C0"/>
        <rFont val="Calibri"/>
        <family val="2"/>
      </rPr>
      <t>receiptDate</t>
    </r>
    <r>
      <rPr>
        <sz val="11"/>
        <color rgb="FF0070C0"/>
        <rFont val="Calibri"/>
        <family val="2"/>
      </rPr>
      <t>: date and time of the GR</t>
    </r>
  </si>
  <si>
    <r>
      <rPr>
        <b/>
        <sz val="11"/>
        <color rgb="FF0070C0"/>
        <rFont val="Calibri"/>
        <family val="2"/>
      </rPr>
      <t>receiptLineNumber</t>
    </r>
    <r>
      <rPr>
        <sz val="11"/>
        <color rgb="FF0070C0"/>
        <rFont val="Calibri"/>
        <family val="2"/>
      </rPr>
      <t xml:space="preserve"> = Goods Receipt line number related to this item
</t>
    </r>
    <r>
      <rPr>
        <b/>
        <sz val="11"/>
        <color rgb="FF0070C0"/>
        <rFont val="Calibri"/>
        <family val="2"/>
      </rPr>
      <t>quantity</t>
    </r>
    <r>
      <rPr>
        <sz val="11"/>
        <color rgb="FF0070C0"/>
        <rFont val="Calibri"/>
        <family val="2"/>
      </rPr>
      <t xml:space="preserve"> - the quantity received for the current receipt line 
</t>
    </r>
    <r>
      <rPr>
        <b/>
        <sz val="11"/>
        <color rgb="FF0070C0"/>
        <rFont val="Calibri"/>
        <family val="2"/>
      </rPr>
      <t>type</t>
    </r>
    <r>
      <rPr>
        <sz val="11"/>
        <color rgb="FF0070C0"/>
        <rFont val="Calibri"/>
        <family val="2"/>
      </rPr>
      <t xml:space="preserve"> indicates the goods have been received by the buyer</t>
    </r>
  </si>
  <si>
    <r>
      <rPr>
        <b/>
        <sz val="11"/>
        <color rgb="FF0070C0"/>
        <rFont val="Calibri"/>
        <family val="2"/>
      </rPr>
      <t>lineNumber</t>
    </r>
    <r>
      <rPr>
        <sz val="11"/>
        <color rgb="FF0070C0"/>
        <rFont val="Calibri"/>
        <family val="2"/>
      </rPr>
      <t xml:space="preserve"> = reference to the line number from the Gilead's Purchase order</t>
    </r>
  </si>
  <si>
    <t>Reference to the supplier's Ship Notice</t>
  </si>
  <si>
    <t>UnitOfMeasure element contains the item Unit of Measure code as defined by the United Nations UOM standard.</t>
  </si>
  <si>
    <t>Comment field at line level</t>
  </si>
  <si>
    <r>
      <t xml:space="preserve">&lt;!DOCTYPE cXML SYSTEM </t>
    </r>
    <r>
      <rPr>
        <sz val="9"/>
        <color rgb="FFA31515"/>
        <rFont val="Courier New"/>
        <family val="3"/>
      </rPr>
      <t>"http://xml.cxml.org/schemas/cXML/1.2.061/Fulfill.dtd"</t>
    </r>
    <r>
      <rPr>
        <sz val="9"/>
        <color rgb="FF000000"/>
        <rFont val="Courier New"/>
        <family val="3"/>
      </rPr>
      <t>&gt;</t>
    </r>
  </si>
  <si>
    <r>
      <t>&lt;cXML payloadID=</t>
    </r>
    <r>
      <rPr>
        <sz val="9"/>
        <color rgb="FFA31515"/>
        <rFont val="Courier New"/>
        <family val="3"/>
      </rPr>
      <t>"20ef9dab-8180-4a14-7ba9-d013ec245a20"</t>
    </r>
    <r>
      <rPr>
        <sz val="9"/>
        <color rgb="FF000000"/>
        <rFont val="Courier New"/>
        <family val="3"/>
      </rPr>
      <t xml:space="preserve"> timestamp=</t>
    </r>
    <r>
      <rPr>
        <sz val="9"/>
        <color rgb="FFA31515"/>
        <rFont val="Courier New"/>
        <family val="3"/>
      </rPr>
      <t>"2024-05-24T15:42:42-06:00"</t>
    </r>
  </si>
  <si>
    <r>
      <t>    version=</t>
    </r>
    <r>
      <rPr>
        <sz val="9"/>
        <color rgb="FFA31515"/>
        <rFont val="Courier New"/>
        <family val="3"/>
      </rPr>
      <t>"1.2.061"</t>
    </r>
    <r>
      <rPr>
        <sz val="9"/>
        <color rgb="FF000000"/>
        <rFont val="Courier New"/>
        <family val="3"/>
      </rPr>
      <t>&gt;</t>
    </r>
  </si>
  <si>
    <t>        &lt;ReceiptRequest&gt;</t>
  </si>
  <si>
    <r>
      <t>            &lt;ReceiptRequestHeader receiptDate=</t>
    </r>
    <r>
      <rPr>
        <sz val="9"/>
        <color rgb="FFA31515"/>
        <rFont val="Courier New"/>
        <family val="3"/>
      </rPr>
      <t>"2024-05-24T15:42:39-06:00"</t>
    </r>
    <r>
      <rPr>
        <sz val="9"/>
        <color rgb="FF000000"/>
        <rFont val="Courier New"/>
        <family val="3"/>
      </rPr>
      <t xml:space="preserve"> operation=</t>
    </r>
    <r>
      <rPr>
        <sz val="9"/>
        <color rgb="FFA31515"/>
        <rFont val="Courier New"/>
        <family val="3"/>
      </rPr>
      <t>"new"</t>
    </r>
  </si>
  <si>
    <r>
      <t>                receiptID=</t>
    </r>
    <r>
      <rPr>
        <sz val="9"/>
        <color rgb="FFA31515"/>
        <rFont val="Courier New"/>
        <family val="3"/>
      </rPr>
      <t>"5000001854"</t>
    </r>
    <r>
      <rPr>
        <sz val="9"/>
        <color rgb="FF000000"/>
        <rFont val="Courier New"/>
        <family val="3"/>
      </rPr>
      <t>&gt;</t>
    </r>
  </si>
  <si>
    <r>
      <t>                &lt;Comments xml:lang=</t>
    </r>
    <r>
      <rPr>
        <sz val="9"/>
        <color rgb="FF0451A5"/>
        <rFont val="Courier New"/>
        <family val="3"/>
      </rPr>
      <t>"EN"</t>
    </r>
    <r>
      <rPr>
        <sz val="9"/>
        <color rgb="FF000000"/>
        <rFont val="Courier New"/>
        <family val="3"/>
      </rPr>
      <t>/&gt;</t>
    </r>
  </si>
  <si>
    <t>            &lt;/ReceiptRequestHeader&gt;</t>
  </si>
  <si>
    <t>                &lt;ReceiptOrderInfo&gt;</t>
  </si>
  <si>
    <r>
      <t>                    &lt;OrderIDInfo orderID=</t>
    </r>
    <r>
      <rPr>
        <sz val="9"/>
        <color rgb="FFA31515"/>
        <rFont val="Courier New"/>
        <family val="3"/>
      </rPr>
      <t>"4500002703"</t>
    </r>
    <r>
      <rPr>
        <sz val="9"/>
        <color rgb="FF000000"/>
        <rFont val="Courier New"/>
        <family val="3"/>
      </rPr>
      <t xml:space="preserve"> orderDate=</t>
    </r>
    <r>
      <rPr>
        <sz val="9"/>
        <color rgb="FFA31515"/>
        <rFont val="Courier New"/>
        <family val="3"/>
      </rPr>
      <t>"2024-05-15T12:00:00-06:00"</t>
    </r>
    <r>
      <rPr>
        <sz val="9"/>
        <color rgb="FF000000"/>
        <rFont val="Courier New"/>
        <family val="3"/>
      </rPr>
      <t>&gt;</t>
    </r>
  </si>
  <si>
    <r>
      <t>                        &lt;IdReference identifier=</t>
    </r>
    <r>
      <rPr>
        <sz val="9"/>
        <color rgb="FFA31515"/>
        <rFont val="Courier New"/>
        <family val="3"/>
      </rPr>
      <t>"0180001422"</t>
    </r>
    <r>
      <rPr>
        <sz val="9"/>
        <color rgb="FF000000"/>
        <rFont val="Courier New"/>
        <family val="3"/>
      </rPr>
      <t xml:space="preserve"> domain=</t>
    </r>
    <r>
      <rPr>
        <sz val="9"/>
        <color rgb="FFA31515"/>
        <rFont val="Courier New"/>
        <family val="3"/>
      </rPr>
      <t>"AribaOrderID"</t>
    </r>
    <r>
      <rPr>
        <sz val="9"/>
        <color rgb="FF000000"/>
        <rFont val="Courier New"/>
        <family val="3"/>
      </rPr>
      <t>/&gt;</t>
    </r>
  </si>
  <si>
    <t>                    &lt;/OrderIDInfo&gt;</t>
  </si>
  <si>
    <t>                &lt;/ReceiptOrderInfo&gt;</t>
  </si>
  <si>
    <r>
      <t>                &lt;ReceiptItem quantity=</t>
    </r>
    <r>
      <rPr>
        <sz val="9"/>
        <color rgb="FFA31515"/>
        <rFont val="Courier New"/>
        <family val="3"/>
      </rPr>
      <t>"20.000"</t>
    </r>
    <r>
      <rPr>
        <sz val="9"/>
        <color rgb="FF000000"/>
        <rFont val="Courier New"/>
        <family val="3"/>
      </rPr>
      <t xml:space="preserve"> receiptLineNumber=</t>
    </r>
    <r>
      <rPr>
        <sz val="9"/>
        <color rgb="FFA31515"/>
        <rFont val="Courier New"/>
        <family val="3"/>
      </rPr>
      <t>"0001"</t>
    </r>
    <r>
      <rPr>
        <sz val="9"/>
        <color rgb="FF000000"/>
        <rFont val="Courier New"/>
        <family val="3"/>
      </rPr>
      <t xml:space="preserve"> type=</t>
    </r>
    <r>
      <rPr>
        <sz val="9"/>
        <color rgb="FFA31515"/>
        <rFont val="Courier New"/>
        <family val="3"/>
      </rPr>
      <t>"received"</t>
    </r>
  </si>
  <si>
    <r>
      <t>                    completedIndicator=</t>
    </r>
    <r>
      <rPr>
        <sz val="9"/>
        <color rgb="FFA31515"/>
        <rFont val="Courier New"/>
        <family val="3"/>
      </rPr>
      <t>"yes"</t>
    </r>
    <r>
      <rPr>
        <sz val="9"/>
        <color rgb="FF000000"/>
        <rFont val="Courier New"/>
        <family val="3"/>
      </rPr>
      <t>&gt;</t>
    </r>
  </si>
  <si>
    <r>
      <t>                    &lt;ReceiptItemReference lineNumber=</t>
    </r>
    <r>
      <rPr>
        <sz val="9"/>
        <color rgb="FFA31515"/>
        <rFont val="Courier New"/>
        <family val="3"/>
      </rPr>
      <t>"00010"</t>
    </r>
    <r>
      <rPr>
        <sz val="9"/>
        <color rgb="FF000000"/>
        <rFont val="Courier New"/>
        <family val="3"/>
      </rPr>
      <t>&gt;</t>
    </r>
  </si>
  <si>
    <t>                        &lt;ItemID&gt;</t>
  </si>
  <si>
    <t>                            &lt;SupplierPartID&gt;SUPP-MAT1234&lt;/SupplierPartID&gt;</t>
  </si>
  <si>
    <t>                            &lt;BuyerPartID&gt;10000031&lt;/BuyerPartID&gt;</t>
  </si>
  <si>
    <t>                        &lt;/ItemID&gt;</t>
  </si>
  <si>
    <r>
      <t>                        &lt;Description xml:lang=</t>
    </r>
    <r>
      <rPr>
        <sz val="9"/>
        <color rgb="FF0451A5"/>
        <rFont val="Courier New"/>
        <family val="3"/>
      </rPr>
      <t>"EN"</t>
    </r>
    <r>
      <rPr>
        <sz val="9"/>
        <color rgb="FF000000"/>
        <rFont val="Courier New"/>
        <family val="3"/>
      </rPr>
      <t>&gt;Traction Motor&lt;/Description&gt;</t>
    </r>
  </si>
  <si>
    <r>
      <t>                        &lt;ShipNoticeIDInfo shipNoticeID=</t>
    </r>
    <r>
      <rPr>
        <sz val="9"/>
        <color rgb="FFA31515"/>
        <rFont val="Courier New"/>
        <family val="3"/>
      </rPr>
      <t>"ASN4500002703"</t>
    </r>
  </si>
  <si>
    <r>
      <t>                            shipNoticeDate=</t>
    </r>
    <r>
      <rPr>
        <sz val="9"/>
        <color rgb="FFA31515"/>
        <rFont val="Courier New"/>
        <family val="3"/>
      </rPr>
      <t>"2024-05-24T12:00:00-06:00"</t>
    </r>
    <r>
      <rPr>
        <sz val="9"/>
        <color rgb="FF000000"/>
        <rFont val="Courier New"/>
        <family val="3"/>
      </rPr>
      <t>&gt;</t>
    </r>
  </si>
  <si>
    <r>
      <t>                            &lt;IdReference identifier=</t>
    </r>
    <r>
      <rPr>
        <sz val="9"/>
        <color rgb="FFA31515"/>
        <rFont val="Courier New"/>
        <family val="3"/>
      </rPr>
      <t>"0180001422"</t>
    </r>
    <r>
      <rPr>
        <sz val="9"/>
        <color rgb="FF000000"/>
        <rFont val="Courier New"/>
        <family val="3"/>
      </rPr>
      <t xml:space="preserve"> domain=</t>
    </r>
    <r>
      <rPr>
        <sz val="9"/>
        <color rgb="FFA31515"/>
        <rFont val="Courier New"/>
        <family val="3"/>
      </rPr>
      <t>"deliveryNoteId"</t>
    </r>
    <r>
      <rPr>
        <sz val="9"/>
        <color rgb="FF000000"/>
        <rFont val="Courier New"/>
        <family val="3"/>
      </rPr>
      <t>/&gt;</t>
    </r>
  </si>
  <si>
    <r>
      <t>                            &lt;IdReference identifier=</t>
    </r>
    <r>
      <rPr>
        <sz val="9"/>
        <color rgb="FFA31515"/>
        <rFont val="Courier New"/>
        <family val="3"/>
      </rPr>
      <t>"2024-05-24T12:00:00-06:00"</t>
    </r>
  </si>
  <si>
    <r>
      <t>                                domain=</t>
    </r>
    <r>
      <rPr>
        <sz val="9"/>
        <color rgb="FFA31515"/>
        <rFont val="Courier New"/>
        <family val="3"/>
      </rPr>
      <t>"deliveryNoteDate"</t>
    </r>
    <r>
      <rPr>
        <sz val="9"/>
        <color rgb="FF000000"/>
        <rFont val="Courier New"/>
        <family val="3"/>
      </rPr>
      <t>/&gt;</t>
    </r>
  </si>
  <si>
    <t>                        &lt;/ShipNoticeIDInfo&gt;</t>
  </si>
  <si>
    <r>
      <t>                        &lt;ShipNoticeLineItemReference shipNoticeLineNumber=</t>
    </r>
    <r>
      <rPr>
        <sz val="9"/>
        <color rgb="FFA31515"/>
        <rFont val="Courier New"/>
        <family val="3"/>
      </rPr>
      <t>"000001"</t>
    </r>
    <r>
      <rPr>
        <sz val="9"/>
        <color rgb="FF000000"/>
        <rFont val="Courier New"/>
        <family val="3"/>
      </rPr>
      <t>/&gt;</t>
    </r>
  </si>
  <si>
    <t>                    &lt;/ReceiptItemReference&gt;</t>
  </si>
  <si>
    <t>                    &lt;UnitRate&gt;</t>
  </si>
  <si>
    <r>
      <t>                        &lt;Money currency=</t>
    </r>
    <r>
      <rPr>
        <sz val="9"/>
        <color rgb="FFA31515"/>
        <rFont val="Courier New"/>
        <family val="3"/>
      </rPr>
      <t>"USD"</t>
    </r>
    <r>
      <rPr>
        <sz val="9"/>
        <color rgb="FF000000"/>
        <rFont val="Courier New"/>
        <family val="3"/>
      </rPr>
      <t>&gt;0.000000000 &lt;/Money&gt;</t>
    </r>
  </si>
  <si>
    <t>                    &lt;/UnitRate&gt;</t>
  </si>
  <si>
    <t>                    &lt;ReceivedAmount&gt;</t>
  </si>
  <si>
    <r>
      <t>                        &lt;Money currency=</t>
    </r>
    <r>
      <rPr>
        <sz val="9"/>
        <color rgb="FFA31515"/>
        <rFont val="Courier New"/>
        <family val="3"/>
      </rPr>
      <t>"USD"</t>
    </r>
    <r>
      <rPr>
        <sz val="9"/>
        <color rgb="FF000000"/>
        <rFont val="Courier New"/>
        <family val="3"/>
      </rPr>
      <t>&gt;0.00&lt;/Money&gt;</t>
    </r>
  </si>
  <si>
    <t>                    &lt;/ReceivedAmount&gt;</t>
  </si>
  <si>
    <r>
      <t>                    &lt;Comments xml:lang=</t>
    </r>
    <r>
      <rPr>
        <sz val="9"/>
        <color rgb="FF0451A5"/>
        <rFont val="Courier New"/>
        <family val="3"/>
      </rPr>
      <t>"EN"</t>
    </r>
    <r>
      <rPr>
        <sz val="9"/>
        <color rgb="FF000000"/>
        <rFont val="Courier New"/>
        <family val="3"/>
      </rPr>
      <t>/&gt;</t>
    </r>
  </si>
  <si>
    <r>
      <t>                    &lt;Extrinsic name=</t>
    </r>
    <r>
      <rPr>
        <sz val="9"/>
        <color rgb="FFA31515"/>
        <rFont val="Courier New"/>
        <family val="3"/>
      </rPr>
      <t>"ValuationType"</t>
    </r>
    <r>
      <rPr>
        <sz val="9"/>
        <color rgb="FF000000"/>
        <rFont val="Courier New"/>
        <family val="3"/>
      </rPr>
      <t>&gt;REBILT_EXT&lt;/Extrinsic&gt;</t>
    </r>
  </si>
  <si>
    <t>                &lt;/ReceiptItem&gt;</t>
  </si>
  <si>
    <r>
      <t>                &lt;ReceiptItem quantity=</t>
    </r>
    <r>
      <rPr>
        <sz val="9"/>
        <color rgb="FFA31515"/>
        <rFont val="Courier New"/>
        <family val="3"/>
      </rPr>
      <t>"20.000"</t>
    </r>
    <r>
      <rPr>
        <sz val="9"/>
        <color rgb="FF000000"/>
        <rFont val="Courier New"/>
        <family val="3"/>
      </rPr>
      <t xml:space="preserve"> receiptLineNumber=</t>
    </r>
    <r>
      <rPr>
        <sz val="9"/>
        <color rgb="FFA31515"/>
        <rFont val="Courier New"/>
        <family val="3"/>
      </rPr>
      <t>"0002"</t>
    </r>
    <r>
      <rPr>
        <sz val="9"/>
        <color rgb="FF000000"/>
        <rFont val="Courier New"/>
        <family val="3"/>
      </rPr>
      <t xml:space="preserve"> type=</t>
    </r>
    <r>
      <rPr>
        <sz val="9"/>
        <color rgb="FFA31515"/>
        <rFont val="Courier New"/>
        <family val="3"/>
      </rPr>
      <t>"received"</t>
    </r>
  </si>
  <si>
    <r>
      <t>                    &lt;ReceiptItemReference lineNumber=</t>
    </r>
    <r>
      <rPr>
        <sz val="9"/>
        <color rgb="FFA31515"/>
        <rFont val="Courier New"/>
        <family val="3"/>
      </rPr>
      <t>"00020"</t>
    </r>
    <r>
      <rPr>
        <sz val="9"/>
        <color rgb="FF000000"/>
        <rFont val="Courier New"/>
        <family val="3"/>
      </rPr>
      <t>&gt;</t>
    </r>
  </si>
  <si>
    <r>
      <t>                        &lt;ShipNoticeLineItemReference shipNoticeLineNumber=</t>
    </r>
    <r>
      <rPr>
        <sz val="9"/>
        <color rgb="FFA31515"/>
        <rFont val="Courier New"/>
        <family val="3"/>
      </rPr>
      <t>"000002"</t>
    </r>
    <r>
      <rPr>
        <sz val="9"/>
        <color rgb="FF000000"/>
        <rFont val="Courier New"/>
        <family val="3"/>
      </rPr>
      <t>/&gt;</t>
    </r>
  </si>
  <si>
    <t>            &lt;/ReceiptOrder&gt;</t>
  </si>
  <si>
    <r>
      <t>                &lt;Money currency=</t>
    </r>
    <r>
      <rPr>
        <sz val="9"/>
        <color rgb="FFA31515"/>
        <rFont val="Courier New"/>
        <family val="3"/>
      </rPr>
      <t>"USD"</t>
    </r>
    <r>
      <rPr>
        <sz val="9"/>
        <color rgb="FF000000"/>
        <rFont val="Courier New"/>
        <family val="3"/>
      </rPr>
      <t>/&gt;</t>
    </r>
  </si>
  <si>
    <t>        &lt;/ReceiptRequest&gt;</t>
  </si>
  <si>
    <t>From is information  - Union Pacific ANID</t>
  </si>
  <si>
    <r>
      <rPr>
        <sz val="11"/>
        <color rgb="FF0070C0"/>
        <rFont val="Calibri"/>
        <family val="2"/>
      </rPr>
      <t>DeploymentMode indicates whether the request is a test or a production request
values are "</t>
    </r>
    <r>
      <rPr>
        <sz val="11"/>
        <color rgb="FFFF0000"/>
        <rFont val="Calibri"/>
        <family val="2"/>
      </rPr>
      <t>production</t>
    </r>
    <r>
      <rPr>
        <sz val="11"/>
        <color rgb="FF0070C0"/>
        <rFont val="Calibri"/>
        <family val="2"/>
      </rPr>
      <t>" or "</t>
    </r>
    <r>
      <rPr>
        <sz val="11"/>
        <color rgb="FFFF0000"/>
        <rFont val="Calibri"/>
        <family val="2"/>
      </rPr>
      <t>test</t>
    </r>
    <r>
      <rPr>
        <sz val="11"/>
        <color rgb="FF0070C0"/>
        <rFont val="Calibri"/>
        <family val="2"/>
      </rPr>
      <t xml:space="preserve">". </t>
    </r>
  </si>
  <si>
    <t>receiptID: A buyer-generated unique identifier for this receipt.</t>
  </si>
  <si>
    <t>Reference to the Purchase Order from Union Pacific</t>
  </si>
  <si>
    <t xml:space="preserve">Supplier material code if available in Union Purchase Info record </t>
  </si>
  <si>
    <t>Union Pacific Material Code for the material -  same as in the PO</t>
  </si>
  <si>
    <t>Valuation Type</t>
  </si>
  <si>
    <t>Union Pacific Consignment Movement CXML  Sample</t>
  </si>
  <si>
    <r>
      <t>&lt;?xml version=</t>
    </r>
    <r>
      <rPr>
        <sz val="9"/>
        <color rgb="FFA31515"/>
        <rFont val="Courier New"/>
        <family val="3"/>
      </rPr>
      <t>"1.0"</t>
    </r>
    <r>
      <rPr>
        <sz val="9"/>
        <color rgb="FF000000"/>
        <rFont val="Courier New"/>
        <family val="3"/>
      </rPr>
      <t xml:space="preserve"> encoding=</t>
    </r>
    <r>
      <rPr>
        <sz val="9"/>
        <color rgb="FFA31515"/>
        <rFont val="Courier New"/>
        <family val="3"/>
      </rPr>
      <t>"utf-8"</t>
    </r>
    <r>
      <rPr>
        <sz val="9"/>
        <color rgb="FF000000"/>
        <rFont val="Courier New"/>
        <family val="3"/>
      </rPr>
      <t>?&gt;</t>
    </r>
  </si>
  <si>
    <r>
      <t xml:space="preserve">&lt;!DOCTYPE cXML SYSTEM </t>
    </r>
    <r>
      <rPr>
        <sz val="9"/>
        <color rgb="FFA31515"/>
        <rFont val="Courier New"/>
        <family val="3"/>
      </rPr>
      <t>"http://xml.cxml.org/schemas/cXML/1.2.061/cXML.dtd"</t>
    </r>
    <r>
      <rPr>
        <sz val="9"/>
        <color rgb="FF000000"/>
        <rFont val="Courier New"/>
        <family val="3"/>
      </rPr>
      <t>&gt;</t>
    </r>
  </si>
  <si>
    <r>
      <t>&lt;cXML payloadID=</t>
    </r>
    <r>
      <rPr>
        <sz val="9"/>
        <color rgb="FFA31515"/>
        <rFont val="Courier New"/>
        <family val="3"/>
      </rPr>
      <t>"eeb769d2-31b0-4324-7c8c-00782caf5e4d"</t>
    </r>
  </si>
  <si>
    <r>
      <t>      timestamp=</t>
    </r>
    <r>
      <rPr>
        <sz val="9"/>
        <color rgb="FFA31515"/>
        <rFont val="Courier New"/>
        <family val="3"/>
      </rPr>
      <t>"2024-05-27T16:14:21-06:00"</t>
    </r>
    <r>
      <rPr>
        <sz val="9"/>
        <color rgb="FF000000"/>
        <rFont val="Courier New"/>
        <family val="3"/>
      </rPr>
      <t>&gt;</t>
    </r>
  </si>
  <si>
    <t>   &lt;Header&gt;</t>
  </si>
  <si>
    <r>
      <t>         &lt;Credential domain=</t>
    </r>
    <r>
      <rPr>
        <sz val="9"/>
        <color rgb="FFA31515"/>
        <rFont val="Courier New"/>
        <family val="3"/>
      </rPr>
      <t>"SystemID"</t>
    </r>
    <r>
      <rPr>
        <sz val="9"/>
        <color rgb="FF000000"/>
        <rFont val="Courier New"/>
        <family val="3"/>
      </rPr>
      <t>&gt;</t>
    </r>
  </si>
  <si>
    <r>
      <t>         &lt;Credential domain=</t>
    </r>
    <r>
      <rPr>
        <sz val="9"/>
        <color rgb="FFA31515"/>
        <rFont val="Courier New"/>
        <family val="3"/>
      </rPr>
      <t>"NetworkID"</t>
    </r>
    <r>
      <rPr>
        <sz val="9"/>
        <color rgb="FF000000"/>
        <rFont val="Courier New"/>
        <family val="3"/>
      </rPr>
      <t>&gt;</t>
    </r>
  </si>
  <si>
    <r>
      <t>         &lt;Credential domain=</t>
    </r>
    <r>
      <rPr>
        <sz val="9"/>
        <color rgb="FFA31515"/>
        <rFont val="Courier New"/>
        <family val="3"/>
      </rPr>
      <t>"EndPointID"</t>
    </r>
    <r>
      <rPr>
        <sz val="9"/>
        <color rgb="FF000000"/>
        <rFont val="Courier New"/>
        <family val="3"/>
      </rPr>
      <t>&gt;</t>
    </r>
  </si>
  <si>
    <t>            &lt;Identity&gt;CIG&lt;/Identity&gt;</t>
  </si>
  <si>
    <t>            &lt;Identity&gt;AN01000000087&lt;/Identity&gt;</t>
  </si>
  <si>
    <t>            &lt;Identity&gt;cig_cert_us&lt;/Identity&gt;</t>
  </si>
  <si>
    <r>
      <t>   &lt;Message deploymentMode=</t>
    </r>
    <r>
      <rPr>
        <sz val="9"/>
        <color rgb="FFA31515"/>
        <rFont val="Courier New"/>
        <family val="3"/>
      </rPr>
      <t>"test"</t>
    </r>
    <r>
      <rPr>
        <sz val="9"/>
        <color rgb="FF000000"/>
        <rFont val="Courier New"/>
        <family val="3"/>
      </rPr>
      <t>&gt;</t>
    </r>
  </si>
  <si>
    <t>      &lt;ProductActivityMessage&gt;</t>
  </si>
  <si>
    <r>
      <t>         &lt;ProductActivityHeader messageID=</t>
    </r>
    <r>
      <rPr>
        <sz val="9"/>
        <color rgb="FFA31515"/>
        <rFont val="Courier New"/>
        <family val="3"/>
      </rPr>
      <t>"37DC86FEAB0E1EEF86BCDEC8062FDEEA"</t>
    </r>
  </si>
  <si>
    <r>
      <t>                                processType=</t>
    </r>
    <r>
      <rPr>
        <sz val="9"/>
        <color rgb="FFA31515"/>
        <rFont val="Courier New"/>
        <family val="3"/>
      </rPr>
      <t>"Consignment"</t>
    </r>
  </si>
  <si>
    <r>
      <t>                                creationDate=</t>
    </r>
    <r>
      <rPr>
        <sz val="9"/>
        <color rgb="FFA31515"/>
        <rFont val="Courier New"/>
        <family val="3"/>
      </rPr>
      <t>"2024-05-24T11:02:03-06:00"</t>
    </r>
    <r>
      <rPr>
        <sz val="9"/>
        <color rgb="FF000000"/>
        <rFont val="Courier New"/>
        <family val="3"/>
      </rPr>
      <t>/&gt;</t>
    </r>
  </si>
  <si>
    <t>         &lt;ProductActivityDetails&gt;</t>
  </si>
  <si>
    <r>
      <t>            &lt;Description xml:lang=</t>
    </r>
    <r>
      <rPr>
        <sz val="9"/>
        <color rgb="FF0451A5"/>
        <rFont val="Courier New"/>
        <family val="3"/>
      </rPr>
      <t>"EN"</t>
    </r>
    <r>
      <rPr>
        <sz val="9"/>
        <color rgb="FF000000"/>
        <rFont val="Courier New"/>
        <family val="3"/>
      </rPr>
      <t>&gt;Traction Motor&lt;/Description&gt;</t>
    </r>
  </si>
  <si>
    <t>            &lt;Batch&gt;</t>
  </si>
  <si>
    <t>               &lt;BuyerBatchID&gt;REBILT_EXT&lt;/BuyerBatchID&gt;</t>
  </si>
  <si>
    <t>               &lt;PropertyValuation&gt;</t>
  </si>
  <si>
    <t>                  &lt;PropertyReference/&gt;</t>
  </si>
  <si>
    <t>               &lt;/PropertyValuation&gt;</t>
  </si>
  <si>
    <t>            &lt;/Batch&gt;</t>
  </si>
  <si>
    <r>
      <t>            &lt;Contact role=</t>
    </r>
    <r>
      <rPr>
        <sz val="9"/>
        <color rgb="FFA31515"/>
        <rFont val="Courier New"/>
        <family val="3"/>
      </rPr>
      <t>"locationTo"</t>
    </r>
    <r>
      <rPr>
        <sz val="9"/>
        <color rgb="FF000000"/>
        <rFont val="Courier New"/>
        <family val="3"/>
      </rPr>
      <t xml:space="preserve"> addressID=</t>
    </r>
    <r>
      <rPr>
        <sz val="9"/>
        <color rgb="FFA31515"/>
        <rFont val="Courier New"/>
        <family val="3"/>
      </rPr>
      <t>"286571"</t>
    </r>
    <r>
      <rPr>
        <sz val="9"/>
        <color rgb="FF000000"/>
        <rFont val="Courier New"/>
        <family val="3"/>
      </rPr>
      <t>&gt;</t>
    </r>
  </si>
  <si>
    <r>
      <t>               &lt;Name xml:lang=</t>
    </r>
    <r>
      <rPr>
        <sz val="9"/>
        <color rgb="FF0451A5"/>
        <rFont val="Courier New"/>
        <family val="3"/>
      </rPr>
      <t>"EN"</t>
    </r>
    <r>
      <rPr>
        <sz val="9"/>
        <color rgb="FF000000"/>
        <rFont val="Courier New"/>
        <family val="3"/>
      </rPr>
      <t>&gt;Supply Loco Whse-Fort Worth TX&lt;/Name&gt;</t>
    </r>
  </si>
  <si>
    <t>                  &lt;DeliverTo/&gt;</t>
  </si>
  <si>
    <r>
      <t xml:space="preserve">                  &lt;Street&gt;1658 ROGERS RD BLDG </t>
    </r>
    <r>
      <rPr>
        <sz val="9"/>
        <color rgb="FF098658"/>
        <rFont val="Courier New"/>
        <family val="3"/>
      </rPr>
      <t>4346</t>
    </r>
    <r>
      <rPr>
        <sz val="9"/>
        <color rgb="FF000000"/>
        <rFont val="Courier New"/>
        <family val="3"/>
      </rPr>
      <t>&lt;/Street&gt;</t>
    </r>
  </si>
  <si>
    <t>                  &lt;City&gt;FORT WORTH&lt;/City&gt;</t>
  </si>
  <si>
    <r>
      <t>                  &lt;State isoStateCode=</t>
    </r>
    <r>
      <rPr>
        <sz val="9"/>
        <color rgb="FFA31515"/>
        <rFont val="Courier New"/>
        <family val="3"/>
      </rPr>
      <t>"Texas"</t>
    </r>
    <r>
      <rPr>
        <sz val="9"/>
        <color rgb="FF000000"/>
        <rFont val="Courier New"/>
        <family val="3"/>
      </rPr>
      <t>&gt;TX&lt;/State&gt;</t>
    </r>
  </si>
  <si>
    <r>
      <t>                  &lt;Country isoCountryCode=</t>
    </r>
    <r>
      <rPr>
        <sz val="9"/>
        <color rgb="FFA31515"/>
        <rFont val="Courier New"/>
        <family val="3"/>
      </rPr>
      <t>"US"</t>
    </r>
    <r>
      <rPr>
        <sz val="9"/>
        <color rgb="FF000000"/>
        <rFont val="Courier New"/>
        <family val="3"/>
      </rPr>
      <t>&gt;USA&lt;/Country&gt;</t>
    </r>
  </si>
  <si>
    <r>
      <t>               &lt;IdReference identifier=</t>
    </r>
    <r>
      <rPr>
        <sz val="9"/>
        <color rgb="FFA31515"/>
        <rFont val="Courier New"/>
        <family val="3"/>
      </rPr>
      <t>"SLFW"</t>
    </r>
    <r>
      <rPr>
        <sz val="9"/>
        <color rgb="FF000000"/>
        <rFont val="Courier New"/>
        <family val="3"/>
      </rPr>
      <t xml:space="preserve"> domain=</t>
    </r>
    <r>
      <rPr>
        <sz val="9"/>
        <color rgb="FFA31515"/>
        <rFont val="Courier New"/>
        <family val="3"/>
      </rPr>
      <t>"locationTo"</t>
    </r>
    <r>
      <rPr>
        <sz val="9"/>
        <color rgb="FF000000"/>
        <rFont val="Courier New"/>
        <family val="3"/>
      </rPr>
      <t>&gt;</t>
    </r>
  </si>
  <si>
    <r>
      <t>                  &lt;Description xml:lang=</t>
    </r>
    <r>
      <rPr>
        <sz val="9"/>
        <color rgb="FF0451A5"/>
        <rFont val="Courier New"/>
        <family val="3"/>
      </rPr>
      <t>"EN"</t>
    </r>
    <r>
      <rPr>
        <sz val="9"/>
        <color rgb="FF000000"/>
        <rFont val="Courier New"/>
        <family val="3"/>
      </rPr>
      <t>&gt;Supply Loco Whse-Fort Worth TX&lt;/Description&gt;</t>
    </r>
  </si>
  <si>
    <t>            &lt;ConsignmentMovement&gt;</t>
  </si>
  <si>
    <r>
      <t>               &lt;ProductMovementItemIDInfo movementLineNumber=</t>
    </r>
    <r>
      <rPr>
        <sz val="9"/>
        <color rgb="FFA31515"/>
        <rFont val="Courier New"/>
        <family val="3"/>
      </rPr>
      <t>"1"</t>
    </r>
  </si>
  <si>
    <r>
      <t>                                          movementDate=</t>
    </r>
    <r>
      <rPr>
        <sz val="9"/>
        <color rgb="FFA31515"/>
        <rFont val="Courier New"/>
        <family val="3"/>
      </rPr>
      <t>"2024-05-24"</t>
    </r>
  </si>
  <si>
    <r>
      <t>                                          movementID=</t>
    </r>
    <r>
      <rPr>
        <sz val="9"/>
        <color rgb="FFA31515"/>
        <rFont val="Courier New"/>
        <family val="3"/>
      </rPr>
      <t>"010049000018812024"</t>
    </r>
    <r>
      <rPr>
        <sz val="9"/>
        <color rgb="FF000000"/>
        <rFont val="Courier New"/>
        <family val="3"/>
      </rPr>
      <t>/&gt;</t>
    </r>
  </si>
  <si>
    <r>
      <t>               &lt;MovementQuantity quantity=</t>
    </r>
    <r>
      <rPr>
        <sz val="9"/>
        <color rgb="FFA31515"/>
        <rFont val="Courier New"/>
        <family val="3"/>
      </rPr>
      <t>"40.0"</t>
    </r>
    <r>
      <rPr>
        <sz val="9"/>
        <color rgb="FF000000"/>
        <rFont val="Courier New"/>
        <family val="3"/>
      </rPr>
      <t>&gt;</t>
    </r>
  </si>
  <si>
    <t>               &lt;/MovementQuantity&gt;</t>
  </si>
  <si>
    <t>               &lt;SubtotalAmount&gt;</t>
  </si>
  <si>
    <r>
      <t>                  &lt;Money currency=</t>
    </r>
    <r>
      <rPr>
        <sz val="9"/>
        <color rgb="FFA31515"/>
        <rFont val="Courier New"/>
        <family val="3"/>
      </rPr>
      <t>"USD"</t>
    </r>
    <r>
      <rPr>
        <sz val="9"/>
        <color rgb="FF000000"/>
        <rFont val="Courier New"/>
        <family val="3"/>
      </rPr>
      <t>&gt;4000.0&lt;/Money&gt;</t>
    </r>
  </si>
  <si>
    <t>               &lt;/SubtotalAmount&gt;</t>
  </si>
  <si>
    <t>            &lt;/ConsignmentMovement&gt;</t>
  </si>
  <si>
    <t>         &lt;/ProductActivityDetails&gt;</t>
  </si>
  <si>
    <t>      &lt;/ProductActivityMessage&gt;</t>
  </si>
  <si>
    <t>   &lt;/Message&gt;</t>
  </si>
  <si>
    <t>Product activity message</t>
  </si>
  <si>
    <t>Process type  : Consignment</t>
  </si>
  <si>
    <t>Supplier  Part ID</t>
  </si>
  <si>
    <t>Ship To location</t>
  </si>
  <si>
    <t>Consignment movement</t>
  </si>
  <si>
    <t>Consignment movement tracking number</t>
  </si>
  <si>
    <t>Quantity</t>
  </si>
  <si>
    <t>Lot Number / Buyer Batch ID</t>
  </si>
  <si>
    <t>Sub total</t>
  </si>
  <si>
    <t>From is information about sender - ANID of the supplier</t>
  </si>
  <si>
    <r>
      <rPr>
        <sz val="11"/>
        <color rgb="FFFF0000"/>
        <rFont val="Calibri"/>
        <family val="2"/>
      </rPr>
      <t>T</t>
    </r>
    <r>
      <rPr>
        <sz val="11"/>
        <color theme="1"/>
        <rFont val="Calibri"/>
        <family val="2"/>
      </rPr>
      <t xml:space="preserve"> </t>
    </r>
    <r>
      <rPr>
        <sz val="11"/>
        <color rgb="FF0070C0"/>
        <rFont val="Calibri"/>
        <family val="2"/>
      </rPr>
      <t>indicates the test account</t>
    </r>
  </si>
  <si>
    <t>ANID of recipient of document  - Gilead</t>
  </si>
  <si>
    <r>
      <rPr>
        <sz val="11"/>
        <color rgb="FF0070C0"/>
        <rFont val="Calibri"/>
        <family val="2"/>
      </rPr>
      <t>DeploymentMode indicates whether the request is a test or a production request
values are "</t>
    </r>
    <r>
      <rPr>
        <sz val="11"/>
        <color rgb="FFFF0000"/>
        <rFont val="Calibri"/>
        <family val="2"/>
      </rPr>
      <t>production</t>
    </r>
    <r>
      <rPr>
        <sz val="11"/>
        <color rgb="FF0070C0"/>
        <rFont val="Calibri"/>
        <family val="2"/>
      </rPr>
      <t>" or "</t>
    </r>
    <r>
      <rPr>
        <sz val="11"/>
        <color rgb="FFFF0000"/>
        <rFont val="Calibri"/>
        <family val="2"/>
      </rPr>
      <t>test</t>
    </r>
    <r>
      <rPr>
        <sz val="11"/>
        <color rgb="FF0070C0"/>
        <rFont val="Calibri"/>
        <family val="2"/>
      </rPr>
      <t>"</t>
    </r>
  </si>
  <si>
    <r>
      <t>date and ID of the Invoice
operation is "new"
purpose is "</t>
    </r>
    <r>
      <rPr>
        <sz val="11"/>
        <color rgb="FFFF0000"/>
        <rFont val="Calibri"/>
        <family val="2"/>
      </rPr>
      <t>standard</t>
    </r>
    <r>
      <rPr>
        <sz val="11"/>
        <color rgb="FF0070C0"/>
        <rFont val="Calibri"/>
        <family val="2"/>
      </rPr>
      <t>" for invoice, "</t>
    </r>
    <r>
      <rPr>
        <sz val="11"/>
        <color rgb="FFFF0000"/>
        <rFont val="Calibri"/>
        <family val="2"/>
      </rPr>
      <t>lineLevelCreditMemo</t>
    </r>
    <r>
      <rPr>
        <sz val="11"/>
        <color rgb="FF0070C0"/>
        <rFont val="Calibri"/>
        <family val="2"/>
      </rPr>
      <t xml:space="preserve">" for line-item credit memo </t>
    </r>
  </si>
  <si>
    <t>Bill From</t>
  </si>
  <si>
    <t>Sold To Name and Country to match PO Bill To Name and Country -Mandatory section</t>
  </si>
  <si>
    <t>Gross Amount</t>
  </si>
  <si>
    <t>Union Pacific  CXML  Invoice without reference to the PO Sample</t>
  </si>
  <si>
    <r>
      <t>&lt;?xml version=</t>
    </r>
    <r>
      <rPr>
        <sz val="9"/>
        <color rgb="FFA31515"/>
        <rFont val="Courier New"/>
        <family val="3"/>
      </rPr>
      <t>"1.0"</t>
    </r>
    <r>
      <rPr>
        <sz val="9"/>
        <color rgb="FF000000"/>
        <rFont val="Courier New"/>
        <family val="3"/>
      </rPr>
      <t xml:space="preserve"> encoding=</t>
    </r>
    <r>
      <rPr>
        <sz val="9"/>
        <color rgb="FFA31515"/>
        <rFont val="Courier New"/>
        <family val="3"/>
      </rPr>
      <t>"utf-8"</t>
    </r>
    <r>
      <rPr>
        <sz val="9"/>
        <color rgb="FF000000"/>
        <rFont val="Courier New"/>
        <family val="3"/>
      </rPr>
      <t xml:space="preserve">?&gt;&lt;!DOCTYPE cXML SYSTEM </t>
    </r>
    <r>
      <rPr>
        <sz val="9"/>
        <color rgb="FFA31515"/>
        <rFont val="Courier New"/>
        <family val="3"/>
      </rPr>
      <t>"http://xml.cxml.org/schemas/cXML/1.2.061/InvoiceDetail.dtd"</t>
    </r>
    <r>
      <rPr>
        <sz val="9"/>
        <color rgb="FF000000"/>
        <rFont val="Courier New"/>
        <family val="3"/>
      </rPr>
      <t>&gt;</t>
    </r>
  </si>
  <si>
    <r>
      <t>&lt;cXML payloadID=</t>
    </r>
    <r>
      <rPr>
        <sz val="9"/>
        <color rgb="FFA31515"/>
        <rFont val="Courier New"/>
        <family val="3"/>
      </rPr>
      <t>"000000001"</t>
    </r>
    <r>
      <rPr>
        <sz val="9"/>
        <color rgb="FF000000"/>
        <rFont val="Courier New"/>
        <family val="3"/>
      </rPr>
      <t xml:space="preserve"> timestamp=</t>
    </r>
    <r>
      <rPr>
        <sz val="9"/>
        <color rgb="FFA31515"/>
        <rFont val="Courier New"/>
        <family val="3"/>
      </rPr>
      <t>"2024-06-05T06:01:26+00:00"</t>
    </r>
    <r>
      <rPr>
        <sz val="9"/>
        <color rgb="FF000000"/>
        <rFont val="Courier New"/>
        <family val="3"/>
      </rPr>
      <t>&gt;</t>
    </r>
  </si>
  <si>
    <t>                &lt;Identity/&gt;</t>
  </si>
  <si>
    <t>        &lt;InvoiceDetailRequest&gt;</t>
  </si>
  <si>
    <r>
      <t>            &lt;InvoiceDetailRequestHeader invoiceID=</t>
    </r>
    <r>
      <rPr>
        <sz val="9"/>
        <color rgb="FFA31515"/>
        <rFont val="Courier New"/>
        <family val="3"/>
      </rPr>
      <t>"INVCONS2976r"</t>
    </r>
    <r>
      <rPr>
        <sz val="9"/>
        <color rgb="FF000000"/>
        <rFont val="Courier New"/>
        <family val="3"/>
      </rPr>
      <t xml:space="preserve"> purpose=</t>
    </r>
    <r>
      <rPr>
        <sz val="9"/>
        <color rgb="FFA31515"/>
        <rFont val="Courier New"/>
        <family val="3"/>
      </rPr>
      <t>"standard"</t>
    </r>
    <r>
      <rPr>
        <sz val="9"/>
        <color rgb="FF000000"/>
        <rFont val="Courier New"/>
        <family val="3"/>
      </rPr>
      <t xml:space="preserve"> operation=</t>
    </r>
    <r>
      <rPr>
        <sz val="9"/>
        <color rgb="FFA31515"/>
        <rFont val="Courier New"/>
        <family val="3"/>
      </rPr>
      <t>"new"</t>
    </r>
  </si>
  <si>
    <r>
      <t>                invoiceDate=</t>
    </r>
    <r>
      <rPr>
        <sz val="9"/>
        <color rgb="FFA31515"/>
        <rFont val="Courier New"/>
        <family val="3"/>
      </rPr>
      <t>"2024-03-04T08:24:00+00:00"</t>
    </r>
    <r>
      <rPr>
        <sz val="9"/>
        <color rgb="FF000000"/>
        <rFont val="Courier New"/>
        <family val="3"/>
      </rPr>
      <t xml:space="preserve"> invoiceOrigin=</t>
    </r>
    <r>
      <rPr>
        <sz val="9"/>
        <color rgb="FFA31515"/>
        <rFont val="Courier New"/>
        <family val="3"/>
      </rPr>
      <t>"supplier"</t>
    </r>
    <r>
      <rPr>
        <sz val="9"/>
        <color rgb="FF000000"/>
        <rFont val="Courier New"/>
        <family val="3"/>
      </rPr>
      <t>&gt;</t>
    </r>
  </si>
  <si>
    <t>                &lt;InvoiceDetailHeaderIndicator/&gt;</t>
  </si>
  <si>
    <t>                &lt;InvoiceDetailLineIndicator/&gt;</t>
  </si>
  <si>
    <t>                &lt;InvoicePartner&gt;</t>
  </si>
  <si>
    <r>
      <t>                    &lt;Contact role=</t>
    </r>
    <r>
      <rPr>
        <sz val="9"/>
        <color rgb="FFA31515"/>
        <rFont val="Courier New"/>
        <family val="3"/>
      </rPr>
      <t>"remitTo"</t>
    </r>
    <r>
      <rPr>
        <sz val="9"/>
        <color rgb="FF000000"/>
        <rFont val="Courier New"/>
        <family val="3"/>
      </rPr>
      <t>&gt;</t>
    </r>
  </si>
  <si>
    <r>
      <t>                        &lt;Name xml:lang=</t>
    </r>
    <r>
      <rPr>
        <sz val="9"/>
        <color rgb="FF0451A5"/>
        <rFont val="Courier New"/>
        <family val="3"/>
      </rPr>
      <t>"en"</t>
    </r>
    <r>
      <rPr>
        <sz val="9"/>
        <color rgb="FF000000"/>
        <rFont val="Courier New"/>
        <family val="3"/>
      </rPr>
      <t>&gt;Arcadis U S INC Test - TEST&lt;/Name&gt;</t>
    </r>
  </si>
  <si>
    <t>                            &lt;Street&gt;St-Louis&lt;/Street&gt;</t>
  </si>
  <si>
    <t>                            &lt;City&gt;Bengaluru&lt;/City&gt;</t>
  </si>
  <si>
    <r>
      <t>                            &lt;State isoStateCode=</t>
    </r>
    <r>
      <rPr>
        <sz val="9"/>
        <color rgb="FFA31515"/>
        <rFont val="Courier New"/>
        <family val="3"/>
      </rPr>
      <t>"IN-KA"</t>
    </r>
    <r>
      <rPr>
        <sz val="9"/>
        <color rgb="FF000000"/>
        <rFont val="Courier New"/>
        <family val="3"/>
      </rPr>
      <t>&gt;KA&lt;/State&gt;</t>
    </r>
  </si>
  <si>
    <t>                            &lt;PostalCode&gt;560017&lt;/PostalCode&gt;</t>
  </si>
  <si>
    <r>
      <t>                            &lt;Country isoCountryCode=</t>
    </r>
    <r>
      <rPr>
        <sz val="9"/>
        <color rgb="FFA31515"/>
        <rFont val="Courier New"/>
        <family val="3"/>
      </rPr>
      <t>"IN"</t>
    </r>
    <r>
      <rPr>
        <sz val="9"/>
        <color rgb="FF000000"/>
        <rFont val="Courier New"/>
        <family val="3"/>
      </rPr>
      <t>&gt;India&lt;/Country&gt;</t>
    </r>
  </si>
  <si>
    <t>                    &lt;/Contact&gt;</t>
  </si>
  <si>
    <t>                &lt;/InvoicePartner&gt;</t>
  </si>
  <si>
    <r>
      <t>                    &lt;Contact role=</t>
    </r>
    <r>
      <rPr>
        <sz val="9"/>
        <color rgb="FFA31515"/>
        <rFont val="Courier New"/>
        <family val="3"/>
      </rPr>
      <t>"billTo"</t>
    </r>
    <r>
      <rPr>
        <sz val="9"/>
        <color rgb="FF000000"/>
        <rFont val="Courier New"/>
        <family val="3"/>
      </rPr>
      <t xml:space="preserve"> addressID=</t>
    </r>
    <r>
      <rPr>
        <sz val="9"/>
        <color rgb="FFA31515"/>
        <rFont val="Courier New"/>
        <family val="3"/>
      </rPr>
      <t>"DE2CLNT209"</t>
    </r>
    <r>
      <rPr>
        <sz val="9"/>
        <color rgb="FF000000"/>
        <rFont val="Courier New"/>
        <family val="3"/>
      </rPr>
      <t>&gt;</t>
    </r>
  </si>
  <si>
    <r>
      <t>                        &lt;Name xml:lang=</t>
    </r>
    <r>
      <rPr>
        <sz val="9"/>
        <color rgb="FF0451A5"/>
        <rFont val="Courier New"/>
        <family val="3"/>
      </rPr>
      <t>"en"</t>
    </r>
    <r>
      <rPr>
        <sz val="9"/>
        <color rgb="FF000000"/>
        <rFont val="Courier New"/>
        <family val="3"/>
      </rPr>
      <t>&gt;Union Pacific Railroad&lt;/Name&gt;</t>
    </r>
  </si>
  <si>
    <t>                            &lt;Street&gt;1400 Douglas St Stop&lt;/Street&gt;</t>
  </si>
  <si>
    <t>                            &lt;Street&gt;1550 Omaha&lt;/Street&gt;</t>
  </si>
  <si>
    <t>                            &lt;City&gt;Omaha&lt;/City&gt;</t>
  </si>
  <si>
    <t>                            &lt;State&gt;NE&lt;/State&gt;</t>
  </si>
  <si>
    <r>
      <t>                            &lt;Country isoCountryCode=</t>
    </r>
    <r>
      <rPr>
        <sz val="9"/>
        <color rgb="FFA31515"/>
        <rFont val="Courier New"/>
        <family val="3"/>
      </rPr>
      <t>"US"</t>
    </r>
    <r>
      <rPr>
        <sz val="9"/>
        <color rgb="FF000000"/>
        <rFont val="Courier New"/>
        <family val="3"/>
      </rPr>
      <t>&gt;United States&lt;/Country&gt;</t>
    </r>
  </si>
  <si>
    <r>
      <t>                    &lt;Contact role=</t>
    </r>
    <r>
      <rPr>
        <sz val="9"/>
        <color rgb="FFA31515"/>
        <rFont val="Courier New"/>
        <family val="3"/>
      </rPr>
      <t>"from"</t>
    </r>
    <r>
      <rPr>
        <sz val="9"/>
        <color rgb="FF000000"/>
        <rFont val="Courier New"/>
        <family val="3"/>
      </rPr>
      <t>&gt;</t>
    </r>
  </si>
  <si>
    <r>
      <t>                    &lt;Contact role=</t>
    </r>
    <r>
      <rPr>
        <sz val="9"/>
        <color rgb="FFA31515"/>
        <rFont val="Courier New"/>
        <family val="3"/>
      </rPr>
      <t>"billFrom"</t>
    </r>
    <r>
      <rPr>
        <sz val="9"/>
        <color rgb="FF000000"/>
        <rFont val="Courier New"/>
        <family val="3"/>
      </rPr>
      <t>&gt;</t>
    </r>
  </si>
  <si>
    <r>
      <t>                    &lt;Contact role=</t>
    </r>
    <r>
      <rPr>
        <sz val="9"/>
        <color rgb="FFA31515"/>
        <rFont val="Courier New"/>
        <family val="3"/>
      </rPr>
      <t>"soldTo"</t>
    </r>
    <r>
      <rPr>
        <sz val="9"/>
        <color rgb="FF000000"/>
        <rFont val="Courier New"/>
        <family val="3"/>
      </rPr>
      <t>&gt;</t>
    </r>
  </si>
  <si>
    <r>
      <t>                        &lt;Name xml:lang=</t>
    </r>
    <r>
      <rPr>
        <sz val="9"/>
        <color rgb="FF0451A5"/>
        <rFont val="Courier New"/>
        <family val="3"/>
      </rPr>
      <t>"en"</t>
    </r>
    <r>
      <rPr>
        <sz val="9"/>
        <color rgb="FF000000"/>
        <rFont val="Courier New"/>
        <family val="3"/>
      </rPr>
      <t>&gt;Union Pacific Railroad Company - TEST&lt;/Name&gt;</t>
    </r>
  </si>
  <si>
    <t>                            &lt;Street&gt;1400 Douglas St&lt;/Street&gt;</t>
  </si>
  <si>
    <t>                            &lt;PostalCode&gt;68179-1001&lt;/PostalCode&gt;</t>
  </si>
  <si>
    <t>                &lt;InvoiceDetailShipping&gt;</t>
  </si>
  <si>
    <r>
      <t>                    &lt;Contact role=</t>
    </r>
    <r>
      <rPr>
        <sz val="9"/>
        <color rgb="FFA31515"/>
        <rFont val="Courier New"/>
        <family val="3"/>
      </rPr>
      <t>"shipFrom"</t>
    </r>
    <r>
      <rPr>
        <sz val="9"/>
        <color rgb="FF000000"/>
        <rFont val="Courier New"/>
        <family val="3"/>
      </rPr>
      <t>&gt;</t>
    </r>
  </si>
  <si>
    <r>
      <t>                    &lt;Contact role=</t>
    </r>
    <r>
      <rPr>
        <sz val="9"/>
        <color rgb="FFA31515"/>
        <rFont val="Courier New"/>
        <family val="3"/>
      </rPr>
      <t>"shipTo"</t>
    </r>
    <r>
      <rPr>
        <sz val="9"/>
        <color rgb="FF000000"/>
        <rFont val="Courier New"/>
        <family val="3"/>
      </rPr>
      <t>&gt;</t>
    </r>
  </si>
  <si>
    <t>                &lt;/InvoiceDetailShipping&gt;</t>
  </si>
  <si>
    <r>
      <t>                &lt;Extrinsic name=</t>
    </r>
    <r>
      <rPr>
        <sz val="9"/>
        <color rgb="FFA31515"/>
        <rFont val="Courier New"/>
        <family val="3"/>
      </rPr>
      <t>"invoiceSubmissionMethod"</t>
    </r>
    <r>
      <rPr>
        <sz val="9"/>
        <color rgb="FF000000"/>
        <rFont val="Courier New"/>
        <family val="3"/>
      </rPr>
      <t>&gt;CIG_X12&lt;/Extrinsic&gt;</t>
    </r>
  </si>
  <si>
    <r>
      <t>                &lt;Extrinsic name=</t>
    </r>
    <r>
      <rPr>
        <sz val="9"/>
        <color rgb="FFA31515"/>
        <rFont val="Courier New"/>
        <family val="3"/>
      </rPr>
      <t>"totalNumberOfLineItems"</t>
    </r>
    <r>
      <rPr>
        <sz val="9"/>
        <color rgb="FF000000"/>
        <rFont val="Courier New"/>
        <family val="3"/>
      </rPr>
      <t>&gt;1&lt;/Extrinsic&gt;</t>
    </r>
  </si>
  <si>
    <r>
      <t>                &lt;Extrinsic name=</t>
    </r>
    <r>
      <rPr>
        <sz val="9"/>
        <color rgb="FFA31515"/>
        <rFont val="Courier New"/>
        <family val="3"/>
      </rPr>
      <t>"invoiceSourceDocument"</t>
    </r>
    <r>
      <rPr>
        <sz val="9"/>
        <color rgb="FF000000"/>
        <rFont val="Courier New"/>
        <family val="3"/>
      </rPr>
      <t>&gt;NoOrderInformation&lt;/Extrinsic&gt;</t>
    </r>
  </si>
  <si>
    <t>            &lt;/InvoiceDetailRequestHeader&gt;</t>
  </si>
  <si>
    <t>            &lt;InvoiceDetailOrder&gt;</t>
  </si>
  <si>
    <t>                &lt;InvoiceDetailOrderInfo&gt;</t>
  </si>
  <si>
    <r>
      <t>                    &lt;OrderIDInfo orderID=</t>
    </r>
    <r>
      <rPr>
        <sz val="9"/>
        <color rgb="FFA31515"/>
        <rFont val="Courier New"/>
        <family val="3"/>
      </rPr>
      <t>""</t>
    </r>
    <r>
      <rPr>
        <sz val="9"/>
        <color rgb="FF000000"/>
        <rFont val="Courier New"/>
        <family val="3"/>
      </rPr>
      <t>/&gt;</t>
    </r>
  </si>
  <si>
    <t>                &lt;/InvoiceDetailOrderInfo&gt;</t>
  </si>
  <si>
    <r>
      <t>                &lt;InvoiceDetailItem invoiceLineNumber=</t>
    </r>
    <r>
      <rPr>
        <sz val="9"/>
        <color rgb="FFA31515"/>
        <rFont val="Courier New"/>
        <family val="3"/>
      </rPr>
      <t>"1"</t>
    </r>
    <r>
      <rPr>
        <sz val="9"/>
        <color rgb="FF000000"/>
        <rFont val="Courier New"/>
        <family val="3"/>
      </rPr>
      <t xml:space="preserve"> quantity=</t>
    </r>
    <r>
      <rPr>
        <sz val="9"/>
        <color rgb="FFA31515"/>
        <rFont val="Courier New"/>
        <family val="3"/>
      </rPr>
      <t>"1"</t>
    </r>
    <r>
      <rPr>
        <sz val="9"/>
        <color rgb="FF000000"/>
        <rFont val="Courier New"/>
        <family val="3"/>
      </rPr>
      <t>&gt;</t>
    </r>
  </si>
  <si>
    <r>
      <t>                        &lt;Money currency=</t>
    </r>
    <r>
      <rPr>
        <sz val="9"/>
        <color rgb="FFA31515"/>
        <rFont val="Courier New"/>
        <family val="3"/>
      </rPr>
      <t>"USD"</t>
    </r>
    <r>
      <rPr>
        <sz val="9"/>
        <color rgb="FF000000"/>
        <rFont val="Courier New"/>
        <family val="3"/>
      </rPr>
      <t>&gt;200.00&lt;/Money&gt;</t>
    </r>
  </si>
  <si>
    <r>
      <t>                    &lt;InvoiceDetailItemReference lineNumber=</t>
    </r>
    <r>
      <rPr>
        <sz val="9"/>
        <color rgb="FFA31515"/>
        <rFont val="Courier New"/>
        <family val="3"/>
      </rPr>
      <t>"1"</t>
    </r>
    <r>
      <rPr>
        <sz val="9"/>
        <color rgb="FF000000"/>
        <rFont val="Courier New"/>
        <family val="3"/>
      </rPr>
      <t>&gt;</t>
    </r>
  </si>
  <si>
    <r>
      <t>                        &lt;Description xml:lang=</t>
    </r>
    <r>
      <rPr>
        <sz val="9"/>
        <color rgb="FF0451A5"/>
        <rFont val="Courier New"/>
        <family val="3"/>
      </rPr>
      <t>"en"</t>
    </r>
    <r>
      <rPr>
        <sz val="9"/>
        <color rgb="FF000000"/>
        <rFont val="Courier New"/>
        <family val="3"/>
      </rPr>
      <t>&gt;Traction Motor&lt;/Description&gt;</t>
    </r>
  </si>
  <si>
    <t>                    &lt;/InvoiceDetailItemReference&gt;</t>
  </si>
  <si>
    <t>                    &lt;SubtotalAmount&gt;</t>
  </si>
  <si>
    <t>                    &lt;/SubtotalAmount&gt;</t>
  </si>
  <si>
    <t>                    &lt;Tax&gt;</t>
  </si>
  <si>
    <r>
      <t>                        &lt;Description xml:lang=</t>
    </r>
    <r>
      <rPr>
        <sz val="9"/>
        <color rgb="FF0451A5"/>
        <rFont val="Courier New"/>
        <family val="3"/>
      </rPr>
      <t>"en"</t>
    </r>
    <r>
      <rPr>
        <sz val="9"/>
        <color rgb="FF000000"/>
        <rFont val="Courier New"/>
        <family val="3"/>
      </rPr>
      <t>/&gt;</t>
    </r>
  </si>
  <si>
    <t>                    &lt;/Tax&gt;</t>
  </si>
  <si>
    <t>                    &lt;NetAmount&gt;</t>
  </si>
  <si>
    <t>                    &lt;/NetAmount&gt;</t>
  </si>
  <si>
    <t>                &lt;/InvoiceDetailItem&gt;</t>
  </si>
  <si>
    <t>            &lt;/InvoiceDetailOrder&gt;</t>
  </si>
  <si>
    <t>            &lt;InvoiceDetailSummary&gt;</t>
  </si>
  <si>
    <t>                &lt;SubtotalAmount&gt;</t>
  </si>
  <si>
    <r>
      <t>                    &lt;Money currency=</t>
    </r>
    <r>
      <rPr>
        <sz val="9"/>
        <color rgb="FFA31515"/>
        <rFont val="Courier New"/>
        <family val="3"/>
      </rPr>
      <t>"USD"</t>
    </r>
    <r>
      <rPr>
        <sz val="9"/>
        <color rgb="FF000000"/>
        <rFont val="Courier New"/>
        <family val="3"/>
      </rPr>
      <t>&gt;200.00&lt;/Money&gt;</t>
    </r>
  </si>
  <si>
    <t>                &lt;/SubtotalAmount&gt;</t>
  </si>
  <si>
    <t>                &lt;Tax&gt;</t>
  </si>
  <si>
    <r>
      <t>                    &lt;Money currency=</t>
    </r>
    <r>
      <rPr>
        <sz val="9"/>
        <color rgb="FFA31515"/>
        <rFont val="Courier New"/>
        <family val="3"/>
      </rPr>
      <t>"USD"</t>
    </r>
    <r>
      <rPr>
        <sz val="9"/>
        <color rgb="FF000000"/>
        <rFont val="Courier New"/>
        <family val="3"/>
      </rPr>
      <t>&gt;0&lt;/Money&gt;</t>
    </r>
  </si>
  <si>
    <r>
      <t>                    &lt;Description xml:lang=</t>
    </r>
    <r>
      <rPr>
        <sz val="9"/>
        <color rgb="FF0451A5"/>
        <rFont val="Courier New"/>
        <family val="3"/>
      </rPr>
      <t>"en"</t>
    </r>
    <r>
      <rPr>
        <sz val="9"/>
        <color rgb="FF000000"/>
        <rFont val="Courier New"/>
        <family val="3"/>
      </rPr>
      <t>&gt;Tax&lt;/Description&gt;</t>
    </r>
  </si>
  <si>
    <r>
      <t>                    &lt;TaxDetail purpose=</t>
    </r>
    <r>
      <rPr>
        <sz val="9"/>
        <color rgb="FFA31515"/>
        <rFont val="Courier New"/>
        <family val="3"/>
      </rPr>
      <t>"tax"</t>
    </r>
    <r>
      <rPr>
        <sz val="9"/>
        <color rgb="FF000000"/>
        <rFont val="Courier New"/>
        <family val="3"/>
      </rPr>
      <t xml:space="preserve"> category=</t>
    </r>
    <r>
      <rPr>
        <sz val="9"/>
        <color rgb="FFA31515"/>
        <rFont val="Courier New"/>
        <family val="3"/>
      </rPr>
      <t>"sales"</t>
    </r>
    <r>
      <rPr>
        <sz val="9"/>
        <color rgb="FF000000"/>
        <rFont val="Courier New"/>
        <family val="3"/>
      </rPr>
      <t xml:space="preserve"> percentageRate=</t>
    </r>
    <r>
      <rPr>
        <sz val="9"/>
        <color rgb="FFA31515"/>
        <rFont val="Courier New"/>
        <family val="3"/>
      </rPr>
      <t>"0"</t>
    </r>
    <r>
      <rPr>
        <sz val="9"/>
        <color rgb="FF000000"/>
        <rFont val="Courier New"/>
        <family val="3"/>
      </rPr>
      <t>&gt;</t>
    </r>
  </si>
  <si>
    <t>                        &lt;TaxableAmount&gt;</t>
  </si>
  <si>
    <r>
      <t>                            &lt;Money currency=</t>
    </r>
    <r>
      <rPr>
        <sz val="9"/>
        <color rgb="FFA31515"/>
        <rFont val="Courier New"/>
        <family val="3"/>
      </rPr>
      <t>"USD"</t>
    </r>
    <r>
      <rPr>
        <sz val="9"/>
        <color rgb="FF000000"/>
        <rFont val="Courier New"/>
        <family val="3"/>
      </rPr>
      <t>&gt;200.00&lt;/Money&gt;</t>
    </r>
  </si>
  <si>
    <t>                        &lt;/TaxableAmount&gt;</t>
  </si>
  <si>
    <t>                        &lt;TaxAmount&gt;</t>
  </si>
  <si>
    <r>
      <t>                            &lt;Money currency=</t>
    </r>
    <r>
      <rPr>
        <sz val="9"/>
        <color rgb="FFA31515"/>
        <rFont val="Courier New"/>
        <family val="3"/>
      </rPr>
      <t>"USD"</t>
    </r>
    <r>
      <rPr>
        <sz val="9"/>
        <color rgb="FF000000"/>
        <rFont val="Courier New"/>
        <family val="3"/>
      </rPr>
      <t>&gt;0&lt;/Money&gt;</t>
    </r>
  </si>
  <si>
    <t>                        &lt;/TaxAmount&gt;</t>
  </si>
  <si>
    <t>                    &lt;/TaxDetail&gt;</t>
  </si>
  <si>
    <t>                &lt;/Tax&gt;</t>
  </si>
  <si>
    <t>                &lt;GrossAmount&gt;</t>
  </si>
  <si>
    <r>
      <t>                    &lt;Money currency=</t>
    </r>
    <r>
      <rPr>
        <sz val="9"/>
        <color rgb="FFA31515"/>
        <rFont val="Courier New"/>
        <family val="3"/>
      </rPr>
      <t>"USD"</t>
    </r>
    <r>
      <rPr>
        <sz val="9"/>
        <color rgb="FF000000"/>
        <rFont val="Courier New"/>
        <family val="3"/>
      </rPr>
      <t>&gt;200&lt;/Money&gt;</t>
    </r>
  </si>
  <si>
    <t>                &lt;/GrossAmount&gt;</t>
  </si>
  <si>
    <t>                &lt;NetAmount&gt;</t>
  </si>
  <si>
    <t>                &lt;/NetAmount&gt;</t>
  </si>
  <si>
    <t>                &lt;DueAmount&gt;</t>
  </si>
  <si>
    <t>                &lt;/DueAmount&gt;</t>
  </si>
  <si>
    <t>            &lt;/InvoiceDetailSummary&gt;</t>
  </si>
  <si>
    <t>        &lt;/InvoiceDetailRequest&gt;</t>
  </si>
  <si>
    <t xml:space="preserve">Bill To section is used to present the information about the Buyer's entity that will receive the invoice. </t>
  </si>
  <si>
    <t xml:space="preserve">RemitTo presents the information about the supplier. </t>
  </si>
  <si>
    <t>Invoice line item details</t>
  </si>
  <si>
    <t>Buyer part ID</t>
  </si>
  <si>
    <t>Sub Total</t>
  </si>
  <si>
    <t xml:space="preserve">Sub total </t>
  </si>
  <si>
    <t>Tax amount  at header level ( Mandatory)</t>
  </si>
  <si>
    <t>Tax amount  at line level ( Mandatory)</t>
  </si>
  <si>
    <t xml:space="preserve">Taxable amount </t>
  </si>
  <si>
    <r>
      <t>      &lt;ConfirmationHeader confirmID=</t>
    </r>
    <r>
      <rPr>
        <sz val="9"/>
        <color rgb="FFA31515"/>
        <rFont val="Courier New"/>
        <family val="3"/>
      </rPr>
      <t>"OC4500002696"</t>
    </r>
    <r>
      <rPr>
        <sz val="9"/>
        <color rgb="FF000000"/>
        <rFont val="Courier New"/>
        <family val="3"/>
      </rPr>
      <t xml:space="preserve"> operation=</t>
    </r>
    <r>
      <rPr>
        <sz val="9"/>
        <color rgb="FFA31515"/>
        <rFont val="Courier New"/>
        <family val="3"/>
      </rPr>
      <t>"new"</t>
    </r>
    <r>
      <rPr>
        <sz val="9"/>
        <color rgb="FF000000"/>
        <rFont val="Courier New"/>
        <family val="3"/>
      </rPr>
      <t xml:space="preserve"> type=</t>
    </r>
    <r>
      <rPr>
        <sz val="9"/>
        <color rgb="FFA31515"/>
        <rFont val="Courier New"/>
        <family val="3"/>
      </rPr>
      <t>"alldetail"</t>
    </r>
    <r>
      <rPr>
        <sz val="9"/>
        <color rgb="FF000000"/>
        <rFont val="Courier New"/>
        <family val="3"/>
      </rPr>
      <t xml:space="preserve"> noticeDate=</t>
    </r>
    <r>
      <rPr>
        <sz val="9"/>
        <color rgb="FFA31515"/>
        <rFont val="Courier New"/>
        <family val="3"/>
      </rPr>
      <t>"2024-06-04T12:00:00+00:00"</t>
    </r>
    <r>
      <rPr>
        <sz val="9"/>
        <color rgb="FF000000"/>
        <rFont val="Courier New"/>
        <family val="3"/>
      </rPr>
      <t>&gt;</t>
    </r>
  </si>
  <si>
    <r>
      <t>        &lt;ConfirmationStatus type=</t>
    </r>
    <r>
      <rPr>
        <sz val="9"/>
        <color rgb="FFA31515"/>
        <rFont val="Courier New"/>
        <family val="3"/>
      </rPr>
      <t>"allDetail"</t>
    </r>
    <r>
      <rPr>
        <sz val="9"/>
        <color rgb="FF000000"/>
        <rFont val="Courier New"/>
        <family val="3"/>
      </rPr>
      <t xml:space="preserve"> quantity=</t>
    </r>
    <r>
      <rPr>
        <sz val="9"/>
        <color rgb="FFA31515"/>
        <rFont val="Courier New"/>
        <family val="3"/>
      </rPr>
      <t>"20"</t>
    </r>
    <r>
      <rPr>
        <sz val="9"/>
        <color rgb="FF000000"/>
        <rFont val="Courier New"/>
        <family val="3"/>
      </rPr>
      <t xml:space="preserve"> deliveryDate=</t>
    </r>
    <r>
      <rPr>
        <sz val="9"/>
        <color rgb="FFA31515"/>
        <rFont val="Courier New"/>
        <family val="3"/>
      </rPr>
      <t>"2024-05-30T12:00:00+00:00"</t>
    </r>
    <r>
      <rPr>
        <sz val="9"/>
        <color rgb="FF000000"/>
        <rFont val="Courier New"/>
        <family val="3"/>
      </rPr>
      <t>&gt;</t>
    </r>
  </si>
  <si>
    <r>
      <t xml:space="preserve">                    &lt;ProductMovementItemIDInfo movementDate=</t>
    </r>
    <r>
      <rPr>
        <sz val="9"/>
        <color rgb="FF800000"/>
        <rFont val="Courier New"/>
        <family val="3"/>
      </rPr>
      <t>"2024-05-07T00:00:00-07:00</t>
    </r>
    <r>
      <rPr>
        <sz val="9"/>
        <color rgb="FF000000"/>
        <rFont val="Courier New"/>
        <family val="3"/>
      </rPr>
      <t>"</t>
    </r>
  </si>
  <si>
    <r>
      <t xml:space="preserve">                        movementID=</t>
    </r>
    <r>
      <rPr>
        <sz val="9"/>
        <color rgb="FF800000"/>
        <rFont val="Courier New"/>
        <family val="3"/>
      </rPr>
      <t>"010049000016012024"</t>
    </r>
    <r>
      <rPr>
        <sz val="9"/>
        <color rgb="FF000000"/>
        <rFont val="Courier New"/>
        <family val="3"/>
      </rPr>
      <t xml:space="preserve"> movementLineNumber="1"/&gt;</t>
    </r>
  </si>
  <si>
    <t>Consignment movement I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5" x14ac:knownFonts="1">
    <font>
      <sz val="11"/>
      <color theme="1"/>
      <name val="Calibri"/>
      <family val="2"/>
      <scheme val="minor"/>
    </font>
    <font>
      <sz val="11"/>
      <color theme="1"/>
      <name val="Calibri"/>
      <family val="2"/>
      <scheme val="minor"/>
    </font>
    <font>
      <b/>
      <sz val="11"/>
      <color theme="1"/>
      <name val="Calibri"/>
      <family val="2"/>
      <scheme val="minor"/>
    </font>
    <font>
      <u/>
      <sz val="11"/>
      <color theme="10"/>
      <name val="Calibri"/>
      <family val="2"/>
      <scheme val="minor"/>
    </font>
    <font>
      <b/>
      <sz val="10"/>
      <color rgb="FF000000"/>
      <name val="Arial"/>
      <family val="2"/>
    </font>
    <font>
      <sz val="10"/>
      <color rgb="FF000000"/>
      <name val="Arial"/>
      <family val="2"/>
    </font>
    <font>
      <sz val="10"/>
      <color theme="1"/>
      <name val="Calibri"/>
      <family val="2"/>
    </font>
    <font>
      <b/>
      <sz val="11"/>
      <color theme="1"/>
      <name val="Calibri"/>
      <family val="2"/>
    </font>
    <font>
      <sz val="11"/>
      <color theme="1"/>
      <name val="Calibri"/>
      <family val="2"/>
    </font>
    <font>
      <sz val="11"/>
      <color theme="10"/>
      <name val="Calibri"/>
      <family val="2"/>
      <scheme val="minor"/>
    </font>
    <font>
      <sz val="11"/>
      <color rgb="FF000000"/>
      <name val="Arial"/>
      <family val="2"/>
    </font>
    <font>
      <sz val="11"/>
      <color theme="9" tint="-0.249977111117893"/>
      <name val="Calibri"/>
      <family val="2"/>
      <scheme val="minor"/>
    </font>
    <font>
      <sz val="11"/>
      <color rgb="FF000000"/>
      <name val="Calibri"/>
      <family val="2"/>
      <scheme val="minor"/>
    </font>
    <font>
      <b/>
      <sz val="11"/>
      <color rgb="FF000000"/>
      <name val="Calibri"/>
      <family val="2"/>
      <scheme val="minor"/>
    </font>
    <font>
      <sz val="18"/>
      <color theme="0"/>
      <name val="Calibri"/>
      <family val="2"/>
      <scheme val="minor"/>
    </font>
    <font>
      <sz val="12"/>
      <color theme="1"/>
      <name val="Calibri"/>
      <family val="2"/>
      <scheme val="minor"/>
    </font>
    <font>
      <sz val="12"/>
      <color rgb="FF000000"/>
      <name val="Calibri"/>
      <family val="2"/>
      <scheme val="minor"/>
    </font>
    <font>
      <b/>
      <sz val="12"/>
      <color rgb="FF000000"/>
      <name val="Calibri"/>
      <family val="2"/>
      <scheme val="minor"/>
    </font>
    <font>
      <sz val="14"/>
      <color theme="1"/>
      <name val="Calibri"/>
      <family val="2"/>
      <scheme val="minor"/>
    </font>
    <font>
      <sz val="20"/>
      <color rgb="FFFF0000"/>
      <name val="Calibri"/>
      <family val="2"/>
      <scheme val="minor"/>
    </font>
    <font>
      <sz val="22"/>
      <color rgb="FF000000"/>
      <name val="Calibri"/>
      <family val="2"/>
    </font>
    <font>
      <sz val="11"/>
      <color rgb="FF000000"/>
      <name val="Calibri"/>
      <family val="2"/>
    </font>
    <font>
      <b/>
      <sz val="16"/>
      <color rgb="FF000000"/>
      <name val="Calibri"/>
      <family val="2"/>
    </font>
    <font>
      <b/>
      <sz val="18"/>
      <color rgb="FF000000"/>
      <name val="Calibri"/>
      <family val="2"/>
    </font>
    <font>
      <b/>
      <sz val="14"/>
      <color rgb="FF000000"/>
      <name val="Calibri"/>
      <family val="2"/>
    </font>
    <font>
      <sz val="11"/>
      <color rgb="FFFF0000"/>
      <name val="Calibri"/>
      <family val="2"/>
      <scheme val="minor"/>
    </font>
    <font>
      <sz val="12"/>
      <color rgb="FF0070C0"/>
      <name val="Calibri"/>
      <family val="2"/>
      <scheme val="minor"/>
    </font>
    <font>
      <sz val="12"/>
      <color theme="4"/>
      <name val="Calibri"/>
      <family val="2"/>
      <scheme val="minor"/>
    </font>
    <font>
      <sz val="11"/>
      <color theme="4"/>
      <name val="Calibri"/>
      <family val="2"/>
      <scheme val="minor"/>
    </font>
    <font>
      <sz val="18"/>
      <color rgb="FFFFFFFF"/>
      <name val="Calibri"/>
      <family val="2"/>
      <scheme val="minor"/>
    </font>
    <font>
      <sz val="11"/>
      <color rgb="FF0070C0"/>
      <name val="Calibri"/>
      <family val="2"/>
      <scheme val="minor"/>
    </font>
    <font>
      <sz val="11"/>
      <color theme="8" tint="-0.249977111117893"/>
      <name val="Calibri"/>
      <family val="2"/>
      <scheme val="minor"/>
    </font>
    <font>
      <sz val="11"/>
      <color rgb="FFB43512"/>
      <name val="Calibri"/>
      <family val="2"/>
      <scheme val="minor"/>
    </font>
    <font>
      <sz val="24"/>
      <color theme="0"/>
      <name val="Calibri"/>
      <family val="2"/>
      <scheme val="minor"/>
    </font>
    <font>
      <sz val="11"/>
      <name val="Calibri"/>
      <family val="2"/>
      <scheme val="minor"/>
    </font>
    <font>
      <b/>
      <sz val="18"/>
      <color rgb="FF000000"/>
      <name val="Calibri"/>
      <family val="2"/>
      <scheme val="minor"/>
    </font>
    <font>
      <sz val="24"/>
      <color rgb="FFFFFFFF"/>
      <name val="Calibri"/>
      <family val="2"/>
      <scheme val="minor"/>
    </font>
    <font>
      <sz val="11"/>
      <color rgb="FFC00000"/>
      <name val="Calibri"/>
      <family val="2"/>
      <scheme val="minor"/>
    </font>
    <font>
      <sz val="9"/>
      <color rgb="FF000000"/>
      <name val="Courier New"/>
      <family val="3"/>
    </font>
    <font>
      <sz val="9"/>
      <color rgb="FFA31515"/>
      <name val="Courier New"/>
      <family val="3"/>
    </font>
    <font>
      <sz val="9"/>
      <color rgb="FF0451A5"/>
      <name val="Courier New"/>
      <family val="3"/>
    </font>
    <font>
      <sz val="9"/>
      <color rgb="FF098658"/>
      <name val="Courier New"/>
      <family val="3"/>
    </font>
    <font>
      <sz val="9"/>
      <color rgb="FF5F8FBF"/>
      <name val="Courier New"/>
      <family val="3"/>
    </font>
    <font>
      <sz val="11"/>
      <color rgb="FF0070C0"/>
      <name val="Calibri"/>
      <family val="2"/>
    </font>
    <font>
      <b/>
      <sz val="11"/>
      <color rgb="FFFF0000"/>
      <name val="Calibri"/>
      <family val="2"/>
    </font>
    <font>
      <sz val="11"/>
      <color rgb="FFFF0000"/>
      <name val="Calibri"/>
      <family val="2"/>
    </font>
    <font>
      <b/>
      <sz val="11"/>
      <color rgb="FF0070C0"/>
      <name val="Calibri"/>
      <family val="2"/>
      <scheme val="minor"/>
    </font>
    <font>
      <b/>
      <sz val="11"/>
      <color rgb="FF0070C0"/>
      <name val="Calibri"/>
      <family val="2"/>
    </font>
    <font>
      <b/>
      <sz val="18"/>
      <color theme="1"/>
      <name val="Calibri"/>
      <family val="2"/>
      <scheme val="minor"/>
    </font>
    <font>
      <sz val="9"/>
      <color rgb="FF000000"/>
      <name val="Consolas"/>
      <family val="3"/>
    </font>
    <font>
      <sz val="9"/>
      <color rgb="FF0000FF"/>
      <name val="Consolas"/>
      <family val="3"/>
    </font>
    <font>
      <b/>
      <sz val="11"/>
      <color theme="8" tint="-0.249977111117893"/>
      <name val="Calibri"/>
      <family val="2"/>
      <scheme val="minor"/>
    </font>
    <font>
      <b/>
      <sz val="18"/>
      <color theme="1"/>
      <name val="Calibri"/>
      <family val="2"/>
    </font>
    <font>
      <sz val="11"/>
      <color theme="6" tint="-0.249977111117893"/>
      <name val="Calibri"/>
      <family val="2"/>
    </font>
    <font>
      <sz val="9"/>
      <color rgb="FF800000"/>
      <name val="Courier New"/>
      <family val="3"/>
    </font>
  </fonts>
  <fills count="17">
    <fill>
      <patternFill patternType="none"/>
    </fill>
    <fill>
      <patternFill patternType="gray125"/>
    </fill>
    <fill>
      <patternFill patternType="solid">
        <fgColor theme="4" tint="-0.499984740745262"/>
        <bgColor indexed="64"/>
      </patternFill>
    </fill>
    <fill>
      <patternFill patternType="solid">
        <fgColor theme="0"/>
        <bgColor indexed="64"/>
      </patternFill>
    </fill>
    <fill>
      <patternFill patternType="solid">
        <fgColor rgb="FFFFC000"/>
        <bgColor indexed="64"/>
      </patternFill>
    </fill>
    <fill>
      <patternFill patternType="solid">
        <fgColor theme="3" tint="0.59999389629810485"/>
        <bgColor indexed="64"/>
      </patternFill>
    </fill>
    <fill>
      <patternFill patternType="solid">
        <fgColor rgb="FFF2F2F2"/>
        <bgColor indexed="64"/>
      </patternFill>
    </fill>
    <fill>
      <patternFill patternType="solid">
        <fgColor rgb="FFFFFFFF"/>
        <bgColor indexed="64"/>
      </patternFill>
    </fill>
    <fill>
      <patternFill patternType="solid">
        <fgColor rgb="FFFFFFFF"/>
        <bgColor rgb="FF000000"/>
      </patternFill>
    </fill>
    <fill>
      <patternFill patternType="solid">
        <fgColor rgb="FF203764"/>
        <bgColor rgb="FF000000"/>
      </patternFill>
    </fill>
    <fill>
      <patternFill patternType="solid">
        <fgColor rgb="FFB4C6E7"/>
        <bgColor rgb="FF000000"/>
      </patternFill>
    </fill>
    <fill>
      <patternFill patternType="solid">
        <fgColor rgb="FFDDEBF7"/>
        <bgColor rgb="FF000000"/>
      </patternFill>
    </fill>
    <fill>
      <patternFill patternType="solid">
        <fgColor rgb="FF660066"/>
        <bgColor rgb="FF000000"/>
      </patternFill>
    </fill>
    <fill>
      <patternFill patternType="solid">
        <fgColor rgb="FF203764"/>
        <bgColor indexed="64"/>
      </patternFill>
    </fill>
    <fill>
      <patternFill patternType="solid">
        <fgColor rgb="FFFFFF00"/>
        <bgColor indexed="64"/>
      </patternFill>
    </fill>
    <fill>
      <patternFill patternType="solid">
        <fgColor theme="4" tint="-0.249977111117893"/>
        <bgColor indexed="64"/>
      </patternFill>
    </fill>
    <fill>
      <patternFill patternType="solid">
        <fgColor theme="2"/>
        <bgColor indexed="64"/>
      </patternFill>
    </fill>
  </fills>
  <borders count="69">
    <border>
      <left/>
      <right/>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diagonal/>
    </border>
    <border>
      <left style="medium">
        <color rgb="FFA3A3A3"/>
      </left>
      <right style="medium">
        <color rgb="FFA3A3A3"/>
      </right>
      <top style="medium">
        <color rgb="FFA3A3A3"/>
      </top>
      <bottom style="medium">
        <color rgb="FFA3A3A3"/>
      </bottom>
      <diagonal/>
    </border>
    <border>
      <left/>
      <right/>
      <top/>
      <bottom style="medium">
        <color rgb="FFA3A3A3"/>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right/>
      <top/>
      <bottom style="medium">
        <color indexed="64"/>
      </bottom>
      <diagonal/>
    </border>
    <border>
      <left style="thin">
        <color indexed="64"/>
      </left>
      <right/>
      <top/>
      <bottom/>
      <diagonal/>
    </border>
    <border>
      <left/>
      <right style="thin">
        <color indexed="64"/>
      </right>
      <top/>
      <bottom/>
      <diagonal/>
    </border>
    <border>
      <left style="medium">
        <color rgb="FFA3A3A3"/>
      </left>
      <right/>
      <top/>
      <bottom style="medium">
        <color rgb="FFA3A3A3"/>
      </bottom>
      <diagonal/>
    </border>
    <border>
      <left/>
      <right style="medium">
        <color rgb="FFA3A3A3"/>
      </right>
      <top/>
      <bottom style="medium">
        <color rgb="FFA3A3A3"/>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right style="medium">
        <color rgb="FFA3A3A3"/>
      </right>
      <top style="medium">
        <color rgb="FFA3A3A3"/>
      </top>
      <bottom style="medium">
        <color rgb="FFA3A3A3"/>
      </bottom>
      <diagonal/>
    </border>
    <border>
      <left style="medium">
        <color rgb="FFA3A3A3"/>
      </left>
      <right style="medium">
        <color rgb="FFA3A3A3"/>
      </right>
      <top style="medium">
        <color rgb="FFA3A3A3"/>
      </top>
      <bottom/>
      <diagonal/>
    </border>
    <border>
      <left/>
      <right style="medium">
        <color rgb="FFA3A3A3"/>
      </right>
      <top style="medium">
        <color rgb="FFA3A3A3"/>
      </top>
      <bottom/>
      <diagonal/>
    </border>
    <border>
      <left style="medium">
        <color rgb="FFA3A3A3"/>
      </left>
      <right style="medium">
        <color rgb="FFA3A3A3"/>
      </right>
      <top/>
      <bottom/>
      <diagonal/>
    </border>
    <border>
      <left/>
      <right style="medium">
        <color rgb="FFA3A3A3"/>
      </right>
      <top/>
      <bottom/>
      <diagonal/>
    </border>
    <border>
      <left style="medium">
        <color rgb="FFA3A3A3"/>
      </left>
      <right style="medium">
        <color rgb="FFA3A3A3"/>
      </right>
      <top/>
      <bottom style="medium">
        <color rgb="FFA3A3A3"/>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rgb="FFA3A3A3"/>
      </left>
      <right/>
      <top style="medium">
        <color rgb="FFA3A3A3"/>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style="medium">
        <color indexed="64"/>
      </top>
      <bottom style="medium">
        <color rgb="FFA3A3A3"/>
      </bottom>
      <diagonal/>
    </border>
    <border>
      <left style="medium">
        <color rgb="FFA3A3A3"/>
      </left>
      <right/>
      <top style="medium">
        <color rgb="FFA3A3A3"/>
      </top>
      <bottom style="medium">
        <color rgb="FFA3A3A3"/>
      </bottom>
      <diagonal/>
    </border>
    <border>
      <left style="medium">
        <color indexed="64"/>
      </left>
      <right style="medium">
        <color indexed="64"/>
      </right>
      <top style="medium">
        <color rgb="FFA3A3A3"/>
      </top>
      <bottom style="medium">
        <color rgb="FFA3A3A3"/>
      </bottom>
      <diagonal/>
    </border>
    <border>
      <left style="medium">
        <color indexed="64"/>
      </left>
      <right style="medium">
        <color indexed="64"/>
      </right>
      <top style="medium">
        <color rgb="FFA3A3A3"/>
      </top>
      <bottom style="medium">
        <color indexed="64"/>
      </bottom>
      <diagonal/>
    </border>
    <border>
      <left style="thin">
        <color indexed="64"/>
      </left>
      <right style="thin">
        <color indexed="64"/>
      </right>
      <top style="medium">
        <color rgb="FFA3A3A3"/>
      </top>
      <bottom style="medium">
        <color rgb="FFA3A3A3"/>
      </bottom>
      <diagonal/>
    </border>
    <border>
      <left style="thin">
        <color indexed="64"/>
      </left>
      <right style="thin">
        <color indexed="64"/>
      </right>
      <top style="medium">
        <color rgb="FFA3A3A3"/>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medium">
        <color rgb="FFA3A3A3"/>
      </top>
      <bottom/>
      <diagonal/>
    </border>
    <border>
      <left/>
      <right/>
      <top style="medium">
        <color rgb="FFA3A3A3"/>
      </top>
      <bottom style="medium">
        <color rgb="FFA3A3A3"/>
      </bottom>
      <diagonal/>
    </border>
    <border>
      <left style="thin">
        <color indexed="64"/>
      </left>
      <right style="thin">
        <color indexed="64"/>
      </right>
      <top style="thin">
        <color indexed="64"/>
      </top>
      <bottom style="medium">
        <color rgb="FFA3A3A3"/>
      </bottom>
      <diagonal/>
    </border>
    <border>
      <left style="thin">
        <color indexed="64"/>
      </left>
      <right style="thin">
        <color indexed="64"/>
      </right>
      <top style="medium">
        <color rgb="FFA3A3A3"/>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style="thin">
        <color indexed="64"/>
      </bottom>
      <diagonal/>
    </border>
    <border>
      <left/>
      <right/>
      <top style="thin">
        <color indexed="64"/>
      </top>
      <bottom/>
      <diagonal/>
    </border>
    <border>
      <left style="mediumDashed">
        <color indexed="64"/>
      </left>
      <right/>
      <top style="thin">
        <color indexed="64"/>
      </top>
      <bottom style="thin">
        <color indexed="64"/>
      </bottom>
      <diagonal/>
    </border>
    <border>
      <left style="thin">
        <color indexed="64"/>
      </left>
      <right/>
      <top style="thin">
        <color indexed="64"/>
      </top>
      <bottom/>
      <diagonal/>
    </border>
    <border>
      <left/>
      <right style="medium">
        <color indexed="64"/>
      </right>
      <top style="medium">
        <color indexed="64"/>
      </top>
      <bottom style="mediumDashed">
        <color indexed="64"/>
      </bottom>
      <diagonal/>
    </border>
    <border>
      <left style="medium">
        <color indexed="64"/>
      </left>
      <right style="medium">
        <color indexed="64"/>
      </right>
      <top/>
      <bottom style="mediumDashed">
        <color indexed="64"/>
      </bottom>
      <diagonal/>
    </border>
    <border>
      <left style="medium">
        <color indexed="64"/>
      </left>
      <right style="medium">
        <color indexed="64"/>
      </right>
      <top style="mediumDashed">
        <color indexed="64"/>
      </top>
      <bottom/>
      <diagonal/>
    </border>
    <border>
      <left/>
      <right style="medium">
        <color indexed="64"/>
      </right>
      <top style="mediumDashed">
        <color indexed="64"/>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Dashed">
        <color indexed="64"/>
      </bottom>
      <diagonal/>
    </border>
    <border>
      <left/>
      <right style="medium">
        <color indexed="64"/>
      </right>
      <top/>
      <bottom style="mediumDashed">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mediumDashed">
        <color indexed="64"/>
      </top>
      <bottom style="mediumDashed">
        <color indexed="64"/>
      </bottom>
      <diagonal/>
    </border>
    <border>
      <left/>
      <right style="medium">
        <color indexed="64"/>
      </right>
      <top style="mediumDashed">
        <color indexed="64"/>
      </top>
      <bottom style="mediumDashed">
        <color indexed="64"/>
      </bottom>
      <diagonal/>
    </border>
    <border>
      <left style="medium">
        <color indexed="64"/>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style="dashed">
        <color indexed="64"/>
      </bottom>
      <diagonal/>
    </border>
    <border>
      <left/>
      <right style="medium">
        <color indexed="64"/>
      </right>
      <top style="dashed">
        <color indexed="64"/>
      </top>
      <bottom style="dashed">
        <color indexed="64"/>
      </bottom>
      <diagonal/>
    </border>
    <border>
      <left/>
      <right style="thin">
        <color indexed="64"/>
      </right>
      <top style="thin">
        <color indexed="64"/>
      </top>
      <bottom style="medium">
        <color indexed="64"/>
      </bottom>
      <diagonal/>
    </border>
    <border>
      <left/>
      <right style="medium">
        <color indexed="64"/>
      </right>
      <top style="thin">
        <color indexed="64"/>
      </top>
      <bottom/>
      <diagonal/>
    </border>
  </borders>
  <cellStyleXfs count="2">
    <xf numFmtId="0" fontId="0" fillId="0" borderId="0"/>
    <xf numFmtId="0" fontId="3" fillId="0" borderId="0" applyNumberFormat="0" applyFill="0" applyBorder="0" applyAlignment="0" applyProtection="0"/>
  </cellStyleXfs>
  <cellXfs count="403">
    <xf numFmtId="0" fontId="0" fillId="0" borderId="0" xfId="0"/>
    <xf numFmtId="0" fontId="0" fillId="2" borderId="0" xfId="0" applyFill="1"/>
    <xf numFmtId="0" fontId="4" fillId="3" borderId="0" xfId="0" applyFont="1" applyFill="1" applyAlignment="1">
      <alignment vertical="center"/>
    </xf>
    <xf numFmtId="0" fontId="0" fillId="3" borderId="0" xfId="0" applyFill="1"/>
    <xf numFmtId="0" fontId="5" fillId="3" borderId="0" xfId="0" applyFont="1" applyFill="1" applyAlignment="1">
      <alignment horizontal="left" vertical="center" indent="1"/>
    </xf>
    <xf numFmtId="0" fontId="6" fillId="3" borderId="0" xfId="0" applyFont="1" applyFill="1" applyAlignment="1">
      <alignment horizontal="left" vertical="center" indent="6"/>
    </xf>
    <xf numFmtId="0" fontId="5" fillId="3" borderId="0" xfId="0" applyFont="1" applyFill="1" applyAlignment="1">
      <alignment horizontal="left" vertical="center" indent="2"/>
    </xf>
    <xf numFmtId="0" fontId="7" fillId="3" borderId="0" xfId="0" applyFont="1" applyFill="1" applyAlignment="1">
      <alignment vertical="center"/>
    </xf>
    <xf numFmtId="0" fontId="8" fillId="3" borderId="0" xfId="0" applyFont="1" applyFill="1" applyAlignment="1">
      <alignment vertical="center"/>
    </xf>
    <xf numFmtId="0" fontId="3" fillId="3" borderId="0" xfId="1" applyFill="1" applyAlignment="1">
      <alignment horizontal="left" vertical="center" indent="1"/>
    </xf>
    <xf numFmtId="0" fontId="9" fillId="3" borderId="0" xfId="1" applyFont="1" applyFill="1" applyAlignment="1">
      <alignment horizontal="left" vertical="center" indent="1"/>
    </xf>
    <xf numFmtId="0" fontId="1" fillId="3" borderId="0" xfId="0" applyFont="1" applyFill="1"/>
    <xf numFmtId="0" fontId="10" fillId="3" borderId="0" xfId="0" applyFont="1" applyFill="1" applyAlignment="1">
      <alignment horizontal="left" vertical="center" indent="1"/>
    </xf>
    <xf numFmtId="0" fontId="10" fillId="3" borderId="0" xfId="0" applyFont="1" applyFill="1" applyAlignment="1">
      <alignment horizontal="left" vertical="center" indent="3"/>
    </xf>
    <xf numFmtId="0" fontId="8" fillId="3" borderId="0" xfId="0" applyFont="1" applyFill="1" applyAlignment="1">
      <alignment horizontal="left" vertical="center" indent="3"/>
    </xf>
    <xf numFmtId="0" fontId="0" fillId="3" borderId="0" xfId="0" applyFill="1" applyAlignment="1">
      <alignment horizontal="left" vertical="center" indent="3"/>
    </xf>
    <xf numFmtId="0" fontId="0" fillId="3" borderId="0" xfId="0" applyFill="1" applyAlignment="1">
      <alignment vertical="center" readingOrder="1"/>
    </xf>
    <xf numFmtId="0" fontId="8" fillId="3" borderId="0" xfId="0" applyFont="1" applyFill="1" applyAlignment="1">
      <alignment horizontal="left" vertical="center" indent="6"/>
    </xf>
    <xf numFmtId="0" fontId="0" fillId="3" borderId="0" xfId="0" applyFill="1" applyAlignment="1">
      <alignment horizontal="left" vertical="center" indent="6"/>
    </xf>
    <xf numFmtId="0" fontId="0" fillId="4" borderId="0" xfId="0" applyFill="1"/>
    <xf numFmtId="0" fontId="0" fillId="0" borderId="0" xfId="0" applyAlignment="1">
      <alignment wrapText="1"/>
    </xf>
    <xf numFmtId="0" fontId="0" fillId="0" borderId="1" xfId="0" applyBorder="1"/>
    <xf numFmtId="0" fontId="12" fillId="0" borderId="1" xfId="0" applyFont="1" applyBorder="1" applyAlignment="1">
      <alignment horizontal="center" wrapText="1"/>
    </xf>
    <xf numFmtId="14" fontId="12" fillId="0" borderId="1" xfId="0" applyNumberFormat="1" applyFont="1" applyBorder="1" applyAlignment="1">
      <alignment horizontal="center" wrapText="1"/>
    </xf>
    <xf numFmtId="0" fontId="13" fillId="5" borderId="2" xfId="0" applyFont="1" applyFill="1" applyBorder="1" applyAlignment="1">
      <alignment horizontal="center" vertical="center" wrapText="1"/>
    </xf>
    <xf numFmtId="0" fontId="2" fillId="4" borderId="0" xfId="0" applyFont="1" applyFill="1"/>
    <xf numFmtId="0" fontId="11" fillId="3" borderId="0" xfId="0" applyFont="1" applyFill="1"/>
    <xf numFmtId="0" fontId="0" fillId="3" borderId="0" xfId="0" applyFill="1" applyAlignment="1">
      <alignment wrapText="1"/>
    </xf>
    <xf numFmtId="0" fontId="0" fillId="3" borderId="0" xfId="0" applyFill="1" applyAlignment="1">
      <alignment horizontal="left" vertical="top"/>
    </xf>
    <xf numFmtId="0" fontId="0" fillId="3" borderId="0" xfId="0" applyFill="1" applyAlignment="1">
      <alignment horizontal="center" vertical="top"/>
    </xf>
    <xf numFmtId="0" fontId="0" fillId="3" borderId="0" xfId="0" applyFill="1" applyAlignment="1">
      <alignment horizontal="center" vertical="center"/>
    </xf>
    <xf numFmtId="0" fontId="13" fillId="5" borderId="2" xfId="0" applyFont="1" applyFill="1" applyBorder="1" applyAlignment="1">
      <alignment horizontal="center" vertical="top" wrapText="1"/>
    </xf>
    <xf numFmtId="0" fontId="12" fillId="0" borderId="1" xfId="0" applyFont="1" applyBorder="1" applyAlignment="1">
      <alignment horizontal="center" vertical="top" wrapText="1"/>
    </xf>
    <xf numFmtId="0" fontId="0" fillId="0" borderId="0" xfId="0" applyAlignment="1">
      <alignment horizontal="center" vertical="top"/>
    </xf>
    <xf numFmtId="0" fontId="0" fillId="0" borderId="1" xfId="0" applyBorder="1" applyAlignment="1">
      <alignment horizontal="center" vertical="top"/>
    </xf>
    <xf numFmtId="0" fontId="0" fillId="4" borderId="0" xfId="0" applyFill="1" applyAlignment="1">
      <alignment horizontal="center" vertical="top"/>
    </xf>
    <xf numFmtId="0" fontId="15" fillId="3" borderId="2" xfId="0" applyFont="1" applyFill="1" applyBorder="1"/>
    <xf numFmtId="0" fontId="15" fillId="3" borderId="0" xfId="0" applyFont="1" applyFill="1"/>
    <xf numFmtId="0" fontId="15" fillId="3" borderId="8" xfId="0" applyFont="1" applyFill="1" applyBorder="1"/>
    <xf numFmtId="0" fontId="15" fillId="3" borderId="11" xfId="0" applyFont="1" applyFill="1" applyBorder="1"/>
    <xf numFmtId="0" fontId="17" fillId="6" borderId="3" xfId="0" applyFont="1" applyFill="1" applyBorder="1" applyAlignment="1">
      <alignment vertical="center" wrapText="1"/>
    </xf>
    <xf numFmtId="0" fontId="0" fillId="3" borderId="3" xfId="0" applyFill="1" applyBorder="1" applyAlignment="1">
      <alignment vertical="center" wrapText="1"/>
    </xf>
    <xf numFmtId="0" fontId="16" fillId="3" borderId="3" xfId="0" applyFont="1" applyFill="1" applyBorder="1" applyAlignment="1">
      <alignment vertical="center" wrapText="1"/>
    </xf>
    <xf numFmtId="0" fontId="20" fillId="8" borderId="14" xfId="0" applyFont="1" applyFill="1" applyBorder="1"/>
    <xf numFmtId="0" fontId="20" fillId="8" borderId="0" xfId="0" applyFont="1" applyFill="1"/>
    <xf numFmtId="0" fontId="21" fillId="0" borderId="15" xfId="0" applyFont="1" applyBorder="1"/>
    <xf numFmtId="0" fontId="21" fillId="0" borderId="0" xfId="0" applyFont="1"/>
    <xf numFmtId="0" fontId="21" fillId="9" borderId="0" xfId="0" applyFont="1" applyFill="1"/>
    <xf numFmtId="0" fontId="24" fillId="10" borderId="7" xfId="0" applyFont="1" applyFill="1" applyBorder="1" applyAlignment="1">
      <alignment wrapText="1"/>
    </xf>
    <xf numFmtId="0" fontId="24" fillId="10" borderId="17" xfId="0" applyFont="1" applyFill="1" applyBorder="1" applyAlignment="1">
      <alignment wrapText="1"/>
    </xf>
    <xf numFmtId="0" fontId="21" fillId="11" borderId="18" xfId="0" applyFont="1" applyFill="1" applyBorder="1" applyAlignment="1">
      <alignment wrapText="1"/>
    </xf>
    <xf numFmtId="0" fontId="24" fillId="10" borderId="19" xfId="0" applyFont="1" applyFill="1" applyBorder="1" applyAlignment="1">
      <alignment wrapText="1"/>
    </xf>
    <xf numFmtId="0" fontId="24" fillId="10" borderId="20" xfId="0" applyFont="1" applyFill="1" applyBorder="1" applyAlignment="1">
      <alignment wrapText="1"/>
    </xf>
    <xf numFmtId="0" fontId="21" fillId="11" borderId="21" xfId="0" applyFont="1" applyFill="1" applyBorder="1" applyAlignment="1">
      <alignment wrapText="1"/>
    </xf>
    <xf numFmtId="0" fontId="21" fillId="12" borderId="0" xfId="0" applyFont="1" applyFill="1"/>
    <xf numFmtId="0" fontId="26" fillId="3" borderId="3" xfId="0" applyFont="1" applyFill="1" applyBorder="1" applyAlignment="1">
      <alignment vertical="center" wrapText="1"/>
    </xf>
    <xf numFmtId="0" fontId="16" fillId="0" borderId="1" xfId="0" applyFont="1" applyBorder="1" applyAlignment="1">
      <alignment vertical="center" wrapText="1"/>
    </xf>
    <xf numFmtId="0" fontId="16" fillId="3" borderId="3" xfId="0" applyFont="1" applyFill="1" applyBorder="1" applyAlignment="1">
      <alignment horizontal="left" vertical="center" wrapText="1"/>
    </xf>
    <xf numFmtId="0" fontId="26" fillId="0" borderId="22" xfId="0" applyFont="1" applyBorder="1" applyAlignment="1">
      <alignment vertical="center" wrapText="1"/>
    </xf>
    <xf numFmtId="0" fontId="16" fillId="0" borderId="3" xfId="0" applyFont="1" applyBorder="1" applyAlignment="1">
      <alignment horizontal="left" vertical="center" wrapText="1"/>
    </xf>
    <xf numFmtId="0" fontId="0" fillId="3" borderId="23" xfId="0" applyFill="1" applyBorder="1" applyAlignment="1">
      <alignment vertical="center" wrapText="1"/>
    </xf>
    <xf numFmtId="0" fontId="26" fillId="3" borderId="24" xfId="0" applyFont="1" applyFill="1" applyBorder="1" applyAlignment="1">
      <alignment vertical="center" wrapText="1"/>
    </xf>
    <xf numFmtId="0" fontId="0" fillId="3" borderId="25" xfId="0" applyFill="1" applyBorder="1" applyAlignment="1">
      <alignment vertical="center" wrapText="1"/>
    </xf>
    <xf numFmtId="0" fontId="26" fillId="3" borderId="26" xfId="0" applyFont="1" applyFill="1" applyBorder="1" applyAlignment="1">
      <alignment vertical="center" wrapText="1"/>
    </xf>
    <xf numFmtId="0" fontId="0" fillId="3" borderId="27" xfId="0" applyFill="1" applyBorder="1" applyAlignment="1">
      <alignment vertical="center" wrapText="1"/>
    </xf>
    <xf numFmtId="0" fontId="26" fillId="3" borderId="13" xfId="0" applyFont="1" applyFill="1" applyBorder="1" applyAlignment="1">
      <alignment vertical="center" wrapText="1"/>
    </xf>
    <xf numFmtId="0" fontId="16" fillId="3" borderId="23" xfId="0" applyFont="1" applyFill="1" applyBorder="1" applyAlignment="1">
      <alignment vertical="center" wrapText="1"/>
    </xf>
    <xf numFmtId="0" fontId="26" fillId="3" borderId="26" xfId="0" applyFont="1" applyFill="1" applyBorder="1" applyAlignment="1">
      <alignment vertical="top" wrapText="1"/>
    </xf>
    <xf numFmtId="0" fontId="26" fillId="3" borderId="13" xfId="0" applyFont="1" applyFill="1" applyBorder="1" applyAlignment="1">
      <alignment vertical="top" wrapText="1"/>
    </xf>
    <xf numFmtId="0" fontId="26" fillId="3" borderId="22" xfId="0" applyFont="1" applyFill="1" applyBorder="1" applyAlignment="1">
      <alignment vertical="center" wrapText="1"/>
    </xf>
    <xf numFmtId="0" fontId="26" fillId="3" borderId="23" xfId="0" applyFont="1" applyFill="1" applyBorder="1" applyAlignment="1">
      <alignment vertical="center" wrapText="1"/>
    </xf>
    <xf numFmtId="0" fontId="26" fillId="3" borderId="25" xfId="0" applyFont="1" applyFill="1" applyBorder="1" applyAlignment="1">
      <alignment vertical="center" wrapText="1"/>
    </xf>
    <xf numFmtId="0" fontId="27" fillId="3" borderId="27" xfId="0" applyFont="1" applyFill="1" applyBorder="1" applyAlignment="1">
      <alignment vertical="center" wrapText="1"/>
    </xf>
    <xf numFmtId="0" fontId="28" fillId="3" borderId="23" xfId="0" applyFont="1" applyFill="1" applyBorder="1" applyAlignment="1">
      <alignment vertical="center" wrapText="1"/>
    </xf>
    <xf numFmtId="0" fontId="28" fillId="3" borderId="27" xfId="0" applyFont="1" applyFill="1" applyBorder="1" applyAlignment="1">
      <alignment vertical="center" wrapText="1"/>
    </xf>
    <xf numFmtId="0" fontId="27" fillId="3" borderId="22" xfId="0" applyFont="1" applyFill="1" applyBorder="1" applyAlignment="1">
      <alignment vertical="center" wrapText="1"/>
    </xf>
    <xf numFmtId="0" fontId="27" fillId="3" borderId="24" xfId="0" applyFont="1" applyFill="1" applyBorder="1" applyAlignment="1">
      <alignment vertical="center" wrapText="1"/>
    </xf>
    <xf numFmtId="0" fontId="16" fillId="3" borderId="23" xfId="0" applyFont="1" applyFill="1" applyBorder="1" applyAlignment="1">
      <alignment horizontal="left" vertical="center" wrapText="1"/>
    </xf>
    <xf numFmtId="0" fontId="16" fillId="3" borderId="27" xfId="0" applyFont="1" applyFill="1" applyBorder="1" applyAlignment="1">
      <alignment vertical="center" wrapText="1"/>
    </xf>
    <xf numFmtId="0" fontId="16" fillId="3" borderId="25" xfId="0" applyFont="1" applyFill="1" applyBorder="1" applyAlignment="1">
      <alignment horizontal="left" vertical="center" wrapText="1"/>
    </xf>
    <xf numFmtId="0" fontId="15" fillId="3" borderId="28" xfId="0" applyFont="1" applyFill="1" applyBorder="1"/>
    <xf numFmtId="0" fontId="0" fillId="3" borderId="22" xfId="0" applyFill="1" applyBorder="1" applyAlignment="1">
      <alignment vertical="center" wrapText="1"/>
    </xf>
    <xf numFmtId="0" fontId="16" fillId="3" borderId="22" xfId="0" applyFont="1" applyFill="1" applyBorder="1" applyAlignment="1">
      <alignment vertical="center" wrapText="1"/>
    </xf>
    <xf numFmtId="0" fontId="0" fillId="3" borderId="24" xfId="0" applyFill="1" applyBorder="1" applyAlignment="1">
      <alignment vertical="center" wrapText="1"/>
    </xf>
    <xf numFmtId="0" fontId="0" fillId="3" borderId="26" xfId="0" applyFill="1" applyBorder="1" applyAlignment="1">
      <alignment vertical="center" wrapText="1"/>
    </xf>
    <xf numFmtId="0" fontId="0" fillId="3" borderId="13" xfId="0" applyFill="1" applyBorder="1" applyAlignment="1">
      <alignment vertical="center" wrapText="1"/>
    </xf>
    <xf numFmtId="0" fontId="16" fillId="3" borderId="26" xfId="0" applyFont="1" applyFill="1" applyBorder="1" applyAlignment="1">
      <alignment vertical="center" wrapText="1"/>
    </xf>
    <xf numFmtId="0" fontId="0" fillId="3" borderId="31" xfId="0" applyFill="1" applyBorder="1" applyAlignment="1">
      <alignment vertical="center" wrapText="1"/>
    </xf>
    <xf numFmtId="0" fontId="0" fillId="3" borderId="32" xfId="0" applyFill="1" applyBorder="1" applyAlignment="1">
      <alignment vertical="center" wrapText="1"/>
    </xf>
    <xf numFmtId="0" fontId="0" fillId="3" borderId="20" xfId="0" applyFill="1" applyBorder="1" applyAlignment="1">
      <alignment vertical="center" wrapText="1"/>
    </xf>
    <xf numFmtId="0" fontId="28" fillId="3" borderId="31" xfId="0" applyFont="1" applyFill="1" applyBorder="1" applyAlignment="1">
      <alignment vertical="center" wrapText="1"/>
    </xf>
    <xf numFmtId="0" fontId="28" fillId="3" borderId="32" xfId="0" applyFont="1" applyFill="1" applyBorder="1" applyAlignment="1">
      <alignment vertical="center" wrapText="1"/>
    </xf>
    <xf numFmtId="0" fontId="28" fillId="3" borderId="20" xfId="0" applyFont="1" applyFill="1" applyBorder="1" applyAlignment="1">
      <alignment vertical="center" wrapText="1"/>
    </xf>
    <xf numFmtId="0" fontId="16" fillId="3" borderId="32" xfId="0" applyFont="1" applyFill="1" applyBorder="1" applyAlignment="1">
      <alignment vertical="center" wrapText="1"/>
    </xf>
    <xf numFmtId="0" fontId="0" fillId="3" borderId="5" xfId="0" applyFill="1" applyBorder="1" applyAlignment="1">
      <alignment vertical="center" wrapText="1"/>
    </xf>
    <xf numFmtId="0" fontId="0" fillId="3" borderId="7" xfId="0" applyFill="1" applyBorder="1" applyAlignment="1">
      <alignment vertical="center" wrapText="1"/>
    </xf>
    <xf numFmtId="0" fontId="16" fillId="3" borderId="7" xfId="0" applyFont="1" applyFill="1" applyBorder="1" applyAlignment="1">
      <alignment vertical="center" wrapText="1"/>
    </xf>
    <xf numFmtId="0" fontId="0" fillId="3" borderId="19" xfId="0" applyFill="1" applyBorder="1" applyAlignment="1">
      <alignment vertical="center" wrapText="1"/>
    </xf>
    <xf numFmtId="0" fontId="26" fillId="3" borderId="31" xfId="0" applyFont="1" applyFill="1" applyBorder="1" applyAlignment="1">
      <alignment vertical="center" wrapText="1"/>
    </xf>
    <xf numFmtId="0" fontId="26" fillId="3" borderId="32" xfId="0" applyFont="1" applyFill="1" applyBorder="1" applyAlignment="1">
      <alignment vertical="center" wrapText="1"/>
    </xf>
    <xf numFmtId="0" fontId="27" fillId="3" borderId="32" xfId="0" applyFont="1" applyFill="1" applyBorder="1" applyAlignment="1">
      <alignment vertical="center" wrapText="1"/>
    </xf>
    <xf numFmtId="0" fontId="26" fillId="3" borderId="2" xfId="0" applyFont="1" applyFill="1" applyBorder="1" applyAlignment="1">
      <alignment vertical="center" wrapText="1"/>
    </xf>
    <xf numFmtId="0" fontId="26" fillId="3" borderId="8" xfId="0" applyFont="1" applyFill="1" applyBorder="1" applyAlignment="1">
      <alignment vertical="center" wrapText="1"/>
    </xf>
    <xf numFmtId="0" fontId="16" fillId="3" borderId="24" xfId="0" applyFont="1" applyFill="1" applyBorder="1" applyAlignment="1">
      <alignment vertical="center" wrapText="1"/>
    </xf>
    <xf numFmtId="0" fontId="26" fillId="3" borderId="5" xfId="0" applyFont="1" applyFill="1" applyBorder="1" applyAlignment="1">
      <alignment vertical="center" wrapText="1"/>
    </xf>
    <xf numFmtId="0" fontId="26" fillId="3" borderId="7" xfId="0" applyFont="1" applyFill="1" applyBorder="1" applyAlignment="1">
      <alignment vertical="center" wrapText="1"/>
    </xf>
    <xf numFmtId="0" fontId="27" fillId="3" borderId="7" xfId="0" applyFont="1" applyFill="1" applyBorder="1" applyAlignment="1">
      <alignment vertical="center" wrapText="1"/>
    </xf>
    <xf numFmtId="0" fontId="16" fillId="3" borderId="31" xfId="0" applyFont="1" applyFill="1" applyBorder="1" applyAlignment="1">
      <alignment vertical="center" wrapText="1"/>
    </xf>
    <xf numFmtId="0" fontId="26" fillId="3" borderId="26" xfId="0" applyFont="1" applyFill="1" applyBorder="1"/>
    <xf numFmtId="0" fontId="0" fillId="3" borderId="33" xfId="0" applyFill="1" applyBorder="1" applyAlignment="1">
      <alignment vertical="center" wrapText="1"/>
    </xf>
    <xf numFmtId="0" fontId="0" fillId="3" borderId="32" xfId="0" applyFill="1" applyBorder="1"/>
    <xf numFmtId="0" fontId="28" fillId="3" borderId="32" xfId="0" applyFont="1" applyFill="1" applyBorder="1"/>
    <xf numFmtId="0" fontId="0" fillId="3" borderId="7" xfId="0" applyFill="1" applyBorder="1"/>
    <xf numFmtId="0" fontId="0" fillId="3" borderId="32" xfId="0" applyFill="1" applyBorder="1" applyAlignment="1">
      <alignment horizontal="left" vertical="top"/>
    </xf>
    <xf numFmtId="0" fontId="16" fillId="3" borderId="22" xfId="0" applyFont="1" applyFill="1" applyBorder="1" applyAlignment="1">
      <alignment horizontal="left" vertical="center" wrapText="1"/>
    </xf>
    <xf numFmtId="0" fontId="16" fillId="3" borderId="20" xfId="0" applyFont="1" applyFill="1" applyBorder="1" applyAlignment="1">
      <alignment horizontal="left" vertical="center" wrapText="1"/>
    </xf>
    <xf numFmtId="0" fontId="16" fillId="3" borderId="21" xfId="0" applyFont="1" applyFill="1" applyBorder="1" applyAlignment="1">
      <alignment horizontal="left" vertical="center" wrapText="1"/>
    </xf>
    <xf numFmtId="0" fontId="16" fillId="3" borderId="32" xfId="0" applyFont="1" applyFill="1" applyBorder="1" applyAlignment="1">
      <alignment horizontal="left" vertical="center" wrapText="1"/>
    </xf>
    <xf numFmtId="0" fontId="16" fillId="3" borderId="20" xfId="0" applyFont="1" applyFill="1" applyBorder="1" applyAlignment="1">
      <alignment vertical="center" wrapText="1"/>
    </xf>
    <xf numFmtId="0" fontId="0" fillId="3" borderId="20" xfId="0" applyFill="1" applyBorder="1"/>
    <xf numFmtId="0" fontId="0" fillId="3" borderId="20" xfId="0" applyFill="1" applyBorder="1" applyAlignment="1">
      <alignment horizontal="left" vertical="top"/>
    </xf>
    <xf numFmtId="0" fontId="26" fillId="3" borderId="20" xfId="0" applyFont="1" applyFill="1" applyBorder="1" applyAlignment="1">
      <alignment vertical="center" wrapText="1"/>
    </xf>
    <xf numFmtId="0" fontId="0" fillId="3" borderId="5" xfId="0" applyFill="1" applyBorder="1"/>
    <xf numFmtId="0" fontId="26" fillId="3" borderId="19" xfId="0" applyFont="1" applyFill="1" applyBorder="1" applyAlignment="1">
      <alignment vertical="center" wrapText="1"/>
    </xf>
    <xf numFmtId="0" fontId="0" fillId="3" borderId="29" xfId="0" applyFill="1" applyBorder="1" applyAlignment="1">
      <alignment vertical="center" wrapText="1"/>
    </xf>
    <xf numFmtId="0" fontId="0" fillId="3" borderId="35" xfId="0" applyFill="1" applyBorder="1" applyAlignment="1">
      <alignment vertical="center" wrapText="1"/>
    </xf>
    <xf numFmtId="0" fontId="0" fillId="3" borderId="36" xfId="0" applyFill="1" applyBorder="1" applyAlignment="1">
      <alignment vertical="center" wrapText="1"/>
    </xf>
    <xf numFmtId="0" fontId="26" fillId="3" borderId="21" xfId="0" applyFont="1" applyFill="1" applyBorder="1" applyAlignment="1">
      <alignment vertical="center" wrapText="1"/>
    </xf>
    <xf numFmtId="0" fontId="26" fillId="3" borderId="29" xfId="0" applyFont="1" applyFill="1" applyBorder="1" applyAlignment="1">
      <alignment vertical="center" wrapText="1"/>
    </xf>
    <xf numFmtId="0" fontId="12" fillId="6" borderId="34" xfId="0" applyFont="1" applyFill="1" applyBorder="1" applyAlignment="1">
      <alignment vertical="center" wrapText="1"/>
    </xf>
    <xf numFmtId="0" fontId="12" fillId="6" borderId="37" xfId="0" applyFont="1" applyFill="1" applyBorder="1" applyAlignment="1">
      <alignment vertical="center" wrapText="1"/>
    </xf>
    <xf numFmtId="0" fontId="12" fillId="6" borderId="22" xfId="0" applyFont="1" applyFill="1" applyBorder="1" applyAlignment="1">
      <alignment vertical="center" wrapText="1"/>
    </xf>
    <xf numFmtId="0" fontId="25" fillId="0" borderId="37" xfId="0" applyFont="1" applyBorder="1" applyAlignment="1">
      <alignment vertical="center" wrapText="1"/>
    </xf>
    <xf numFmtId="0" fontId="25" fillId="0" borderId="38" xfId="0" applyFont="1" applyBorder="1" applyAlignment="1">
      <alignment vertical="center" wrapText="1"/>
    </xf>
    <xf numFmtId="0" fontId="30" fillId="3" borderId="1" xfId="0" applyFont="1" applyFill="1" applyBorder="1" applyAlignment="1">
      <alignment vertical="center" wrapText="1"/>
    </xf>
    <xf numFmtId="0" fontId="0" fillId="3" borderId="1" xfId="0" applyFill="1" applyBorder="1" applyAlignment="1">
      <alignment vertical="center"/>
    </xf>
    <xf numFmtId="0" fontId="30" fillId="3" borderId="1" xfId="0" applyFont="1" applyFill="1" applyBorder="1" applyAlignment="1">
      <alignment vertical="center"/>
    </xf>
    <xf numFmtId="0" fontId="0" fillId="3" borderId="39" xfId="0" applyFill="1" applyBorder="1" applyAlignment="1">
      <alignment vertical="center"/>
    </xf>
    <xf numFmtId="0" fontId="30" fillId="3" borderId="39" xfId="0" applyFont="1" applyFill="1" applyBorder="1" applyAlignment="1">
      <alignment vertical="center" wrapText="1"/>
    </xf>
    <xf numFmtId="0" fontId="0" fillId="3" borderId="40" xfId="0" applyFill="1" applyBorder="1" applyAlignment="1">
      <alignment vertical="center"/>
    </xf>
    <xf numFmtId="0" fontId="30" fillId="3" borderId="40" xfId="0" applyFont="1" applyFill="1" applyBorder="1" applyAlignment="1">
      <alignment vertical="center"/>
    </xf>
    <xf numFmtId="0" fontId="12" fillId="0" borderId="22" xfId="0" applyFont="1" applyBorder="1" applyAlignment="1">
      <alignment vertical="center" wrapText="1"/>
    </xf>
    <xf numFmtId="0" fontId="32" fillId="0" borderId="37" xfId="0" applyFont="1" applyBorder="1" applyAlignment="1">
      <alignment vertical="center" wrapText="1"/>
    </xf>
    <xf numFmtId="0" fontId="0" fillId="0" borderId="3" xfId="0" applyBorder="1" applyAlignment="1">
      <alignment vertical="center" wrapText="1"/>
    </xf>
    <xf numFmtId="0" fontId="12" fillId="0" borderId="3" xfId="0" applyFont="1" applyBorder="1" applyAlignment="1">
      <alignment vertical="center" wrapText="1"/>
    </xf>
    <xf numFmtId="0" fontId="0" fillId="0" borderId="43" xfId="0" applyBorder="1" applyAlignment="1">
      <alignment vertical="center" wrapText="1"/>
    </xf>
    <xf numFmtId="0" fontId="0" fillId="0" borderId="42" xfId="0" applyBorder="1" applyAlignment="1">
      <alignment vertical="center" wrapText="1"/>
    </xf>
    <xf numFmtId="0" fontId="0" fillId="0" borderId="0" xfId="0" applyAlignment="1">
      <alignment vertical="center" wrapText="1"/>
    </xf>
    <xf numFmtId="0" fontId="0" fillId="3" borderId="1" xfId="0" applyFill="1" applyBorder="1"/>
    <xf numFmtId="0" fontId="0" fillId="0" borderId="39" xfId="0" applyBorder="1" applyAlignment="1">
      <alignment vertical="center" wrapText="1"/>
    </xf>
    <xf numFmtId="0" fontId="0" fillId="0" borderId="41" xfId="0" applyBorder="1" applyAlignment="1">
      <alignment vertical="center" wrapText="1"/>
    </xf>
    <xf numFmtId="0" fontId="30" fillId="3" borderId="39" xfId="0" applyFont="1" applyFill="1" applyBorder="1" applyAlignment="1">
      <alignment vertical="center"/>
    </xf>
    <xf numFmtId="0" fontId="30" fillId="3" borderId="41" xfId="0" applyFont="1" applyFill="1" applyBorder="1" applyAlignment="1">
      <alignment vertical="center"/>
    </xf>
    <xf numFmtId="0" fontId="0" fillId="0" borderId="1" xfId="0" applyBorder="1" applyAlignment="1">
      <alignment vertical="center" wrapText="1"/>
    </xf>
    <xf numFmtId="0" fontId="0" fillId="0" borderId="27" xfId="0" applyBorder="1" applyAlignment="1">
      <alignment vertical="center" wrapText="1"/>
    </xf>
    <xf numFmtId="0" fontId="0" fillId="0" borderId="44" xfId="0" applyBorder="1" applyAlignment="1">
      <alignment vertical="center" wrapText="1"/>
    </xf>
    <xf numFmtId="0" fontId="0" fillId="0" borderId="37" xfId="0" applyBorder="1" applyAlignment="1">
      <alignment vertical="center" wrapText="1"/>
    </xf>
    <xf numFmtId="0" fontId="0" fillId="0" borderId="45" xfId="0" applyBorder="1" applyAlignment="1">
      <alignment vertical="center" wrapText="1"/>
    </xf>
    <xf numFmtId="0" fontId="29" fillId="13" borderId="3" xfId="0" applyFont="1" applyFill="1" applyBorder="1" applyAlignment="1">
      <alignment horizontal="center" vertical="center" wrapText="1"/>
    </xf>
    <xf numFmtId="0" fontId="0" fillId="13" borderId="3" xfId="0" applyFill="1" applyBorder="1" applyAlignment="1">
      <alignment vertical="center" wrapText="1"/>
    </xf>
    <xf numFmtId="0" fontId="0" fillId="13" borderId="3" xfId="0" applyFill="1" applyBorder="1" applyAlignment="1">
      <alignment horizontal="left" vertical="top" wrapText="1"/>
    </xf>
    <xf numFmtId="0" fontId="13" fillId="0" borderId="3" xfId="0" applyFont="1" applyBorder="1" applyAlignment="1">
      <alignment vertical="center" wrapText="1"/>
    </xf>
    <xf numFmtId="0" fontId="13" fillId="0" borderId="3" xfId="0" applyFont="1" applyBorder="1" applyAlignment="1">
      <alignment horizontal="center" vertical="center" wrapText="1"/>
    </xf>
    <xf numFmtId="0" fontId="13" fillId="0" borderId="3" xfId="0" applyFont="1" applyBorder="1" applyAlignment="1">
      <alignment horizontal="left" vertical="top" wrapText="1"/>
    </xf>
    <xf numFmtId="0" fontId="30" fillId="0" borderId="3" xfId="0" applyFont="1" applyBorder="1" applyAlignment="1">
      <alignment vertical="center" wrapText="1"/>
    </xf>
    <xf numFmtId="0" fontId="12" fillId="0" borderId="3" xfId="0" applyFont="1" applyBorder="1" applyAlignment="1">
      <alignment horizontal="left" vertical="top" wrapText="1"/>
    </xf>
    <xf numFmtId="0" fontId="0" fillId="0" borderId="3" xfId="0" applyBorder="1" applyAlignment="1">
      <alignment horizontal="left" vertical="top" wrapText="1"/>
    </xf>
    <xf numFmtId="0" fontId="0" fillId="0" borderId="0" xfId="0" applyAlignment="1">
      <alignment horizontal="left" vertical="top"/>
    </xf>
    <xf numFmtId="0" fontId="30" fillId="0" borderId="0" xfId="0" applyFont="1"/>
    <xf numFmtId="0" fontId="30" fillId="0" borderId="23" xfId="0" applyFont="1" applyBorder="1" applyAlignment="1">
      <alignment vertical="center" wrapText="1"/>
    </xf>
    <xf numFmtId="0" fontId="12" fillId="0" borderId="23" xfId="0" applyFont="1" applyBorder="1" applyAlignment="1">
      <alignment horizontal="left" vertical="top" wrapText="1"/>
    </xf>
    <xf numFmtId="0" fontId="30" fillId="3" borderId="25" xfId="0" applyFont="1" applyFill="1" applyBorder="1" applyAlignment="1">
      <alignment horizontal="left" vertical="top" wrapText="1"/>
    </xf>
    <xf numFmtId="0" fontId="34" fillId="3" borderId="25" xfId="0" applyFont="1" applyFill="1" applyBorder="1" applyAlignment="1">
      <alignment horizontal="left" vertical="top" wrapText="1"/>
    </xf>
    <xf numFmtId="0" fontId="0" fillId="0" borderId="31" xfId="0" applyBorder="1"/>
    <xf numFmtId="0" fontId="34" fillId="3" borderId="32" xfId="0" applyFont="1" applyFill="1" applyBorder="1" applyAlignment="1">
      <alignment vertical="center" wrapText="1"/>
    </xf>
    <xf numFmtId="0" fontId="34" fillId="3" borderId="20" xfId="0" applyFont="1" applyFill="1" applyBorder="1" applyAlignment="1">
      <alignment vertical="center" wrapText="1"/>
    </xf>
    <xf numFmtId="0" fontId="30" fillId="0" borderId="31" xfId="0" applyFont="1" applyBorder="1"/>
    <xf numFmtId="0" fontId="34" fillId="3" borderId="20" xfId="0" applyFont="1" applyFill="1" applyBorder="1" applyAlignment="1">
      <alignment horizontal="left" vertical="top" wrapText="1"/>
    </xf>
    <xf numFmtId="0" fontId="30" fillId="0" borderId="5" xfId="0" applyFont="1" applyBorder="1"/>
    <xf numFmtId="0" fontId="30" fillId="3" borderId="7" xfId="0" applyFont="1" applyFill="1" applyBorder="1" applyAlignment="1">
      <alignment horizontal="left" vertical="top" wrapText="1"/>
    </xf>
    <xf numFmtId="0" fontId="34" fillId="3" borderId="31" xfId="0" applyFont="1" applyFill="1" applyBorder="1" applyAlignment="1">
      <alignment horizontal="left" vertical="top" wrapText="1"/>
    </xf>
    <xf numFmtId="0" fontId="34" fillId="3" borderId="32" xfId="0" applyFont="1" applyFill="1" applyBorder="1" applyAlignment="1">
      <alignment horizontal="left" vertical="top" wrapText="1"/>
    </xf>
    <xf numFmtId="0" fontId="0" fillId="0" borderId="29" xfId="0" applyBorder="1" applyAlignment="1">
      <alignment vertical="center" wrapText="1"/>
    </xf>
    <xf numFmtId="0" fontId="0" fillId="0" borderId="23" xfId="0" applyBorder="1" applyAlignment="1">
      <alignment vertical="center" wrapText="1"/>
    </xf>
    <xf numFmtId="0" fontId="0" fillId="0" borderId="31" xfId="0" applyBorder="1" applyAlignment="1">
      <alignment vertical="center" wrapText="1"/>
    </xf>
    <xf numFmtId="0" fontId="0" fillId="0" borderId="20" xfId="0" applyBorder="1" applyAlignment="1">
      <alignment vertical="center" wrapText="1"/>
    </xf>
    <xf numFmtId="0" fontId="30" fillId="0" borderId="26" xfId="0" applyFont="1" applyBorder="1" applyAlignment="1">
      <alignment vertical="center" wrapText="1"/>
    </xf>
    <xf numFmtId="0" fontId="30" fillId="0" borderId="31" xfId="0" applyFont="1" applyBorder="1" applyAlignment="1">
      <alignment vertical="center" wrapText="1"/>
    </xf>
    <xf numFmtId="0" fontId="30" fillId="0" borderId="36" xfId="0" applyFont="1" applyBorder="1" applyAlignment="1">
      <alignment vertical="center" wrapText="1"/>
    </xf>
    <xf numFmtId="0" fontId="12" fillId="0" borderId="25" xfId="0" applyFont="1" applyBorder="1" applyAlignment="1">
      <alignment horizontal="left" vertical="top" wrapText="1"/>
    </xf>
    <xf numFmtId="0" fontId="12" fillId="0" borderId="31" xfId="0" applyFont="1" applyBorder="1" applyAlignment="1">
      <alignment horizontal="left" vertical="top" wrapText="1"/>
    </xf>
    <xf numFmtId="0" fontId="12" fillId="0" borderId="36" xfId="0" applyFont="1" applyBorder="1" applyAlignment="1">
      <alignment horizontal="left" vertical="top" wrapText="1"/>
    </xf>
    <xf numFmtId="0" fontId="30" fillId="0" borderId="0" xfId="0" applyFont="1" applyAlignment="1">
      <alignment horizontal="left" vertical="top" wrapText="1"/>
    </xf>
    <xf numFmtId="0" fontId="0" fillId="14" borderId="31" xfId="0" applyFill="1" applyBorder="1"/>
    <xf numFmtId="0" fontId="30" fillId="14" borderId="31" xfId="0" applyFont="1" applyFill="1" applyBorder="1" applyAlignment="1">
      <alignment horizontal="left" vertical="top" wrapText="1"/>
    </xf>
    <xf numFmtId="0" fontId="0" fillId="0" borderId="32" xfId="0" applyBorder="1"/>
    <xf numFmtId="0" fontId="0" fillId="0" borderId="20" xfId="0" applyBorder="1"/>
    <xf numFmtId="0" fontId="30" fillId="0" borderId="5" xfId="0" applyFont="1" applyBorder="1" applyAlignment="1">
      <alignment horizontal="left" vertical="top" wrapText="1"/>
    </xf>
    <xf numFmtId="0" fontId="30" fillId="0" borderId="7" xfId="0" applyFont="1" applyBorder="1" applyAlignment="1">
      <alignment horizontal="left" vertical="top" wrapText="1"/>
    </xf>
    <xf numFmtId="0" fontId="30" fillId="0" borderId="19" xfId="0" applyFont="1" applyBorder="1" applyAlignment="1">
      <alignment horizontal="left" vertical="top" wrapText="1"/>
    </xf>
    <xf numFmtId="0" fontId="34" fillId="3" borderId="2" xfId="0" applyFont="1" applyFill="1" applyBorder="1" applyAlignment="1">
      <alignment horizontal="left" vertical="top" wrapText="1"/>
    </xf>
    <xf numFmtId="0" fontId="12" fillId="0" borderId="27" xfId="0" applyFont="1" applyBorder="1" applyAlignment="1">
      <alignment horizontal="left" vertical="top" wrapText="1"/>
    </xf>
    <xf numFmtId="0" fontId="30" fillId="0" borderId="1" xfId="0" applyFont="1" applyBorder="1" applyAlignment="1">
      <alignment horizontal="left" vertical="top" wrapText="1"/>
    </xf>
    <xf numFmtId="0" fontId="34" fillId="3" borderId="1" xfId="0" applyFont="1" applyFill="1" applyBorder="1" applyAlignment="1">
      <alignment horizontal="left" vertical="top" wrapText="1"/>
    </xf>
    <xf numFmtId="0" fontId="30" fillId="0" borderId="0" xfId="0" applyFont="1" applyAlignment="1">
      <alignment wrapText="1"/>
    </xf>
    <xf numFmtId="0" fontId="29" fillId="13" borderId="43" xfId="0" applyFont="1" applyFill="1" applyBorder="1" applyAlignment="1">
      <alignment horizontal="left" vertical="top" wrapText="1"/>
    </xf>
    <xf numFmtId="0" fontId="29" fillId="13" borderId="22" xfId="0" applyFont="1" applyFill="1" applyBorder="1" applyAlignment="1">
      <alignment horizontal="left" vertical="top" wrapText="1"/>
    </xf>
    <xf numFmtId="0" fontId="13" fillId="6" borderId="3" xfId="0" applyFont="1" applyFill="1" applyBorder="1" applyAlignment="1">
      <alignment horizontal="left" vertical="top" wrapText="1"/>
    </xf>
    <xf numFmtId="0" fontId="30" fillId="0" borderId="3" xfId="0" applyFont="1" applyBorder="1" applyAlignment="1">
      <alignment horizontal="left" vertical="top" wrapText="1"/>
    </xf>
    <xf numFmtId="0" fontId="37" fillId="0" borderId="3" xfId="0" applyFont="1" applyBorder="1" applyAlignment="1">
      <alignment horizontal="left" vertical="top" wrapText="1"/>
    </xf>
    <xf numFmtId="0" fontId="0" fillId="14" borderId="3" xfId="0" applyFill="1" applyBorder="1" applyAlignment="1">
      <alignment horizontal="left" vertical="top" wrapText="1"/>
    </xf>
    <xf numFmtId="0" fontId="30" fillId="14" borderId="3" xfId="0" applyFont="1" applyFill="1" applyBorder="1" applyAlignment="1">
      <alignment horizontal="left" vertical="top" wrapText="1"/>
    </xf>
    <xf numFmtId="0" fontId="13" fillId="6" borderId="3" xfId="0" applyFont="1" applyFill="1" applyBorder="1" applyAlignment="1">
      <alignment horizontal="center" vertical="top" wrapText="1"/>
    </xf>
    <xf numFmtId="0" fontId="28" fillId="0" borderId="3" xfId="0" applyFont="1" applyBorder="1" applyAlignment="1">
      <alignment horizontal="left" vertical="top" wrapText="1"/>
    </xf>
    <xf numFmtId="0" fontId="0" fillId="0" borderId="23" xfId="0" applyBorder="1" applyAlignment="1">
      <alignment horizontal="left" vertical="top" wrapText="1"/>
    </xf>
    <xf numFmtId="0" fontId="30" fillId="0" borderId="23" xfId="0" applyFont="1" applyBorder="1" applyAlignment="1">
      <alignment horizontal="left" vertical="top" wrapText="1"/>
    </xf>
    <xf numFmtId="0" fontId="0" fillId="0" borderId="25" xfId="0" applyBorder="1" applyAlignment="1">
      <alignment horizontal="left" vertical="top" wrapText="1"/>
    </xf>
    <xf numFmtId="0" fontId="30" fillId="0" borderId="25" xfId="0" applyFont="1" applyBorder="1" applyAlignment="1">
      <alignment horizontal="left" vertical="top" wrapText="1"/>
    </xf>
    <xf numFmtId="0" fontId="0" fillId="0" borderId="27" xfId="0" applyBorder="1" applyAlignment="1">
      <alignment horizontal="left" vertical="top" wrapText="1"/>
    </xf>
    <xf numFmtId="0" fontId="30" fillId="0" borderId="27" xfId="0" applyFont="1" applyBorder="1" applyAlignment="1">
      <alignment horizontal="left" vertical="top" wrapText="1"/>
    </xf>
    <xf numFmtId="0" fontId="17" fillId="6" borderId="1" xfId="0" applyFont="1" applyFill="1" applyBorder="1" applyAlignment="1">
      <alignment horizontal="center" vertical="center" wrapText="1"/>
    </xf>
    <xf numFmtId="0" fontId="17" fillId="6" borderId="22" xfId="0" applyFont="1" applyFill="1" applyBorder="1" applyAlignment="1">
      <alignment horizontal="left" vertical="center" wrapText="1"/>
    </xf>
    <xf numFmtId="0" fontId="15" fillId="3" borderId="39" xfId="0" applyFont="1" applyFill="1" applyBorder="1"/>
    <xf numFmtId="0" fontId="26" fillId="3" borderId="44" xfId="0" applyFont="1" applyFill="1" applyBorder="1" applyAlignment="1">
      <alignment vertical="center" wrapText="1"/>
    </xf>
    <xf numFmtId="0" fontId="15" fillId="3" borderId="0" xfId="0" applyFont="1" applyFill="1" applyAlignment="1">
      <alignment vertical="center"/>
    </xf>
    <xf numFmtId="0" fontId="26" fillId="0" borderId="45" xfId="0" applyFont="1" applyBorder="1" applyAlignment="1">
      <alignment vertical="center" wrapText="1"/>
    </xf>
    <xf numFmtId="0" fontId="16" fillId="0" borderId="22" xfId="0" applyFont="1" applyBorder="1" applyAlignment="1">
      <alignment horizontal="left" vertical="center" wrapText="1"/>
    </xf>
    <xf numFmtId="0" fontId="15" fillId="3" borderId="1" xfId="0" applyFont="1" applyFill="1" applyBorder="1"/>
    <xf numFmtId="0" fontId="26" fillId="0" borderId="1" xfId="0" applyFont="1" applyBorder="1" applyAlignment="1">
      <alignment vertical="center" wrapText="1"/>
    </xf>
    <xf numFmtId="0" fontId="16" fillId="0" borderId="24" xfId="0" applyFont="1" applyBorder="1" applyAlignment="1">
      <alignment horizontal="left" vertical="center" wrapText="1"/>
    </xf>
    <xf numFmtId="0" fontId="15" fillId="3" borderId="39" xfId="0" applyFont="1" applyFill="1" applyBorder="1" applyAlignment="1">
      <alignment wrapText="1"/>
    </xf>
    <xf numFmtId="0" fontId="15" fillId="3" borderId="40" xfId="0" applyFont="1" applyFill="1" applyBorder="1"/>
    <xf numFmtId="0" fontId="26" fillId="0" borderId="39" xfId="0" applyFont="1" applyBorder="1" applyAlignment="1">
      <alignment vertical="center" wrapText="1"/>
    </xf>
    <xf numFmtId="0" fontId="15" fillId="3" borderId="5" xfId="0" applyFont="1" applyFill="1" applyBorder="1"/>
    <xf numFmtId="0" fontId="16" fillId="3" borderId="31" xfId="0" applyFont="1" applyFill="1" applyBorder="1" applyAlignment="1">
      <alignment horizontal="left" vertical="center" wrapText="1"/>
    </xf>
    <xf numFmtId="0" fontId="26" fillId="3" borderId="7" xfId="0" applyFont="1" applyFill="1" applyBorder="1" applyAlignment="1">
      <alignment vertical="top" wrapText="1"/>
    </xf>
    <xf numFmtId="0" fontId="15" fillId="3" borderId="32" xfId="0" applyFont="1" applyFill="1" applyBorder="1"/>
    <xf numFmtId="0" fontId="26" fillId="3" borderId="5" xfId="0" applyFont="1" applyFill="1" applyBorder="1" applyAlignment="1">
      <alignment vertical="top" wrapText="1"/>
    </xf>
    <xf numFmtId="0" fontId="15" fillId="3" borderId="10" xfId="0" applyFont="1" applyFill="1" applyBorder="1"/>
    <xf numFmtId="0" fontId="26" fillId="3" borderId="31" xfId="0" applyFont="1" applyFill="1" applyBorder="1" applyAlignment="1">
      <alignment vertical="top" wrapText="1"/>
    </xf>
    <xf numFmtId="0" fontId="16" fillId="3" borderId="2" xfId="0" applyFont="1" applyFill="1" applyBorder="1" applyAlignment="1">
      <alignment horizontal="left" vertical="center" wrapText="1"/>
    </xf>
    <xf numFmtId="0" fontId="26" fillId="3" borderId="32" xfId="0" applyFont="1" applyFill="1" applyBorder="1"/>
    <xf numFmtId="0" fontId="26" fillId="3" borderId="20" xfId="0" applyFont="1" applyFill="1" applyBorder="1" applyAlignment="1">
      <alignment vertical="top" wrapText="1"/>
    </xf>
    <xf numFmtId="0" fontId="15" fillId="3" borderId="31" xfId="0" applyFont="1" applyFill="1" applyBorder="1"/>
    <xf numFmtId="0" fontId="26" fillId="3" borderId="8" xfId="0" applyFont="1" applyFill="1" applyBorder="1" applyAlignment="1">
      <alignment vertical="top" wrapText="1"/>
    </xf>
    <xf numFmtId="0" fontId="16" fillId="3" borderId="8" xfId="0" applyFont="1" applyFill="1" applyBorder="1" applyAlignment="1">
      <alignment horizontal="left" vertical="center" wrapText="1"/>
    </xf>
    <xf numFmtId="0" fontId="15" fillId="0" borderId="32" xfId="0" applyFont="1" applyBorder="1"/>
    <xf numFmtId="0" fontId="26" fillId="3" borderId="8" xfId="0" applyFont="1" applyFill="1" applyBorder="1"/>
    <xf numFmtId="0" fontId="15" fillId="0" borderId="20" xfId="0" applyFont="1" applyBorder="1"/>
    <xf numFmtId="0" fontId="26" fillId="3" borderId="21" xfId="0" applyFont="1" applyFill="1" applyBorder="1" applyAlignment="1">
      <alignment vertical="top" wrapText="1"/>
    </xf>
    <xf numFmtId="0" fontId="15" fillId="0" borderId="31" xfId="0" applyFont="1" applyBorder="1"/>
    <xf numFmtId="0" fontId="26" fillId="3" borderId="32" xfId="0" applyFont="1" applyFill="1" applyBorder="1" applyAlignment="1">
      <alignment vertical="top" wrapText="1"/>
    </xf>
    <xf numFmtId="0" fontId="16" fillId="3" borderId="0" xfId="0" applyFont="1" applyFill="1" applyAlignment="1">
      <alignment horizontal="left" vertical="center" wrapText="1"/>
    </xf>
    <xf numFmtId="0" fontId="15" fillId="3" borderId="20" xfId="0" applyFont="1" applyFill="1" applyBorder="1"/>
    <xf numFmtId="0" fontId="26" fillId="3" borderId="41" xfId="0" applyFont="1" applyFill="1" applyBorder="1"/>
    <xf numFmtId="0" fontId="26" fillId="3" borderId="1" xfId="0" applyFont="1" applyFill="1" applyBorder="1"/>
    <xf numFmtId="0" fontId="15" fillId="3" borderId="47" xfId="0" applyFont="1" applyFill="1" applyBorder="1"/>
    <xf numFmtId="0" fontId="15" fillId="3" borderId="46" xfId="0" applyFont="1" applyFill="1" applyBorder="1"/>
    <xf numFmtId="0" fontId="15" fillId="3" borderId="48" xfId="0" applyFont="1" applyFill="1" applyBorder="1"/>
    <xf numFmtId="0" fontId="16" fillId="3" borderId="46" xfId="0" applyFont="1" applyFill="1" applyBorder="1" applyAlignment="1">
      <alignment horizontal="left" vertical="center" wrapText="1"/>
    </xf>
    <xf numFmtId="0" fontId="15" fillId="3" borderId="49" xfId="0" applyFont="1" applyFill="1" applyBorder="1"/>
    <xf numFmtId="0" fontId="30" fillId="0" borderId="50" xfId="0" applyFont="1" applyBorder="1"/>
    <xf numFmtId="0" fontId="15" fillId="3" borderId="51" xfId="0" applyFont="1" applyFill="1" applyBorder="1"/>
    <xf numFmtId="0" fontId="16" fillId="3" borderId="11" xfId="0" applyFont="1" applyFill="1" applyBorder="1" applyAlignment="1">
      <alignment vertical="center" wrapText="1"/>
    </xf>
    <xf numFmtId="0" fontId="26" fillId="0" borderId="1" xfId="0" applyFont="1" applyBorder="1"/>
    <xf numFmtId="0" fontId="26" fillId="3" borderId="0" xfId="0" applyFont="1" applyFill="1"/>
    <xf numFmtId="0" fontId="17" fillId="6" borderId="0" xfId="0" applyFont="1" applyFill="1" applyAlignment="1">
      <alignment vertical="center" wrapText="1"/>
    </xf>
    <xf numFmtId="0" fontId="15" fillId="0" borderId="8" xfId="0" applyFont="1" applyBorder="1"/>
    <xf numFmtId="0" fontId="15" fillId="0" borderId="21" xfId="0" applyFont="1" applyBorder="1"/>
    <xf numFmtId="0" fontId="26" fillId="3" borderId="31" xfId="0" applyFont="1" applyFill="1" applyBorder="1"/>
    <xf numFmtId="0" fontId="26" fillId="0" borderId="29" xfId="0" applyFont="1" applyBorder="1" applyAlignment="1">
      <alignment vertical="center" wrapText="1"/>
    </xf>
    <xf numFmtId="0" fontId="15" fillId="3" borderId="29" xfId="0" applyFont="1" applyFill="1" applyBorder="1"/>
    <xf numFmtId="0" fontId="26" fillId="3" borderId="39" xfId="0" applyFont="1" applyFill="1" applyBorder="1"/>
    <xf numFmtId="0" fontId="38" fillId="0" borderId="0" xfId="0" applyFont="1" applyAlignment="1">
      <alignment vertical="center"/>
    </xf>
    <xf numFmtId="0" fontId="43" fillId="0" borderId="32" xfId="0" applyFont="1" applyBorder="1"/>
    <xf numFmtId="0" fontId="38" fillId="0" borderId="29" xfId="0" applyFont="1" applyBorder="1" applyAlignment="1">
      <alignment vertical="center"/>
    </xf>
    <xf numFmtId="0" fontId="43" fillId="0" borderId="8" xfId="0" applyFont="1" applyBorder="1"/>
    <xf numFmtId="0" fontId="38" fillId="0" borderId="31" xfId="0" applyFont="1" applyBorder="1" applyAlignment="1">
      <alignment vertical="center"/>
    </xf>
    <xf numFmtId="0" fontId="38" fillId="0" borderId="32" xfId="0" applyFont="1" applyBorder="1" applyAlignment="1">
      <alignment vertical="center"/>
    </xf>
    <xf numFmtId="0" fontId="38" fillId="0" borderId="20" xfId="0" applyFont="1" applyBorder="1" applyAlignment="1">
      <alignment vertical="center"/>
    </xf>
    <xf numFmtId="0" fontId="38" fillId="0" borderId="53" xfId="0" applyFont="1" applyBorder="1" applyAlignment="1">
      <alignment vertical="center"/>
    </xf>
    <xf numFmtId="0" fontId="38" fillId="0" borderId="54" xfId="0" applyFont="1" applyBorder="1" applyAlignment="1">
      <alignment vertical="center"/>
    </xf>
    <xf numFmtId="0" fontId="0" fillId="0" borderId="54" xfId="0" applyBorder="1"/>
    <xf numFmtId="0" fontId="0" fillId="0" borderId="8" xfId="0" applyBorder="1"/>
    <xf numFmtId="0" fontId="17" fillId="6" borderId="31" xfId="0" applyFont="1" applyFill="1" applyBorder="1" applyAlignment="1">
      <alignment vertical="center" wrapText="1"/>
    </xf>
    <xf numFmtId="0" fontId="17" fillId="6" borderId="56" xfId="0" applyFont="1" applyFill="1" applyBorder="1" applyAlignment="1">
      <alignment horizontal="center" vertical="center" wrapText="1"/>
    </xf>
    <xf numFmtId="0" fontId="43" fillId="0" borderId="29" xfId="0" applyFont="1" applyBorder="1" applyAlignment="1">
      <alignment horizontal="left" vertical="center" wrapText="1"/>
    </xf>
    <xf numFmtId="0" fontId="43" fillId="0" borderId="31" xfId="0" applyFont="1" applyBorder="1" applyAlignment="1">
      <alignment horizontal="left" vertical="center"/>
    </xf>
    <xf numFmtId="0" fontId="0" fillId="0" borderId="53" xfId="0" applyBorder="1"/>
    <xf numFmtId="0" fontId="30" fillId="0" borderId="54" xfId="0" applyFont="1" applyBorder="1"/>
    <xf numFmtId="0" fontId="30" fillId="0" borderId="32" xfId="0" applyFont="1" applyBorder="1"/>
    <xf numFmtId="0" fontId="30" fillId="0" borderId="31" xfId="0" applyFont="1" applyBorder="1" applyAlignment="1">
      <alignment wrapText="1"/>
    </xf>
    <xf numFmtId="0" fontId="47" fillId="0" borderId="0" xfId="0" applyFont="1"/>
    <xf numFmtId="0" fontId="0" fillId="0" borderId="32" xfId="0" applyBorder="1" applyAlignment="1">
      <alignment wrapText="1"/>
    </xf>
    <xf numFmtId="0" fontId="48" fillId="15" borderId="56" xfId="0" applyFont="1" applyFill="1" applyBorder="1" applyAlignment="1">
      <alignment horizontal="center" vertical="center"/>
    </xf>
    <xf numFmtId="0" fontId="2" fillId="15" borderId="28" xfId="0" applyFont="1" applyFill="1" applyBorder="1" applyAlignment="1">
      <alignment horizontal="center" vertical="center"/>
    </xf>
    <xf numFmtId="0" fontId="0" fillId="16" borderId="46" xfId="0" applyFill="1" applyBorder="1"/>
    <xf numFmtId="0" fontId="43" fillId="0" borderId="15" xfId="0" applyFont="1" applyBorder="1"/>
    <xf numFmtId="0" fontId="43" fillId="0" borderId="15" xfId="0" applyFont="1" applyBorder="1" applyAlignment="1">
      <alignment wrapText="1"/>
    </xf>
    <xf numFmtId="0" fontId="43" fillId="0" borderId="8" xfId="0" applyFont="1" applyBorder="1" applyAlignment="1">
      <alignment vertical="center" wrapText="1"/>
    </xf>
    <xf numFmtId="0" fontId="8" fillId="0" borderId="32" xfId="0" applyFont="1" applyBorder="1"/>
    <xf numFmtId="0" fontId="8" fillId="0" borderId="53" xfId="0" applyFont="1" applyBorder="1"/>
    <xf numFmtId="0" fontId="43" fillId="0" borderId="32" xfId="0" applyFont="1" applyBorder="1" applyAlignment="1">
      <alignment vertical="center" wrapText="1"/>
    </xf>
    <xf numFmtId="0" fontId="43" fillId="0" borderId="53" xfId="0" applyFont="1" applyBorder="1"/>
    <xf numFmtId="0" fontId="8" fillId="0" borderId="8" xfId="0" applyFont="1" applyBorder="1"/>
    <xf numFmtId="0" fontId="47" fillId="0" borderId="8" xfId="0" applyFont="1" applyBorder="1"/>
    <xf numFmtId="0" fontId="43" fillId="0" borderId="8" xfId="0" applyFont="1" applyBorder="1" applyAlignment="1">
      <alignment wrapText="1"/>
    </xf>
    <xf numFmtId="0" fontId="8" fillId="0" borderId="20" xfId="0" applyFont="1" applyBorder="1"/>
    <xf numFmtId="0" fontId="8" fillId="0" borderId="0" xfId="0" applyFont="1"/>
    <xf numFmtId="0" fontId="38" fillId="0" borderId="0" xfId="0" applyFont="1" applyAlignment="1">
      <alignment vertical="center" wrapText="1"/>
    </xf>
    <xf numFmtId="0" fontId="38" fillId="0" borderId="29" xfId="0" applyFont="1" applyBorder="1" applyAlignment="1">
      <alignment vertical="center" wrapText="1"/>
    </xf>
    <xf numFmtId="0" fontId="38" fillId="0" borderId="57" xfId="0" applyFont="1" applyBorder="1" applyAlignment="1">
      <alignment vertical="center"/>
    </xf>
    <xf numFmtId="0" fontId="43" fillId="0" borderId="55" xfId="0" applyFont="1" applyBorder="1"/>
    <xf numFmtId="0" fontId="43" fillId="0" borderId="8" xfId="0" applyFont="1" applyBorder="1" applyAlignment="1">
      <alignment vertical="center"/>
    </xf>
    <xf numFmtId="0" fontId="8" fillId="0" borderId="58" xfId="0" applyFont="1" applyBorder="1"/>
    <xf numFmtId="0" fontId="49" fillId="0" borderId="0" xfId="0" applyFont="1" applyAlignment="1">
      <alignment vertical="center"/>
    </xf>
    <xf numFmtId="0" fontId="50" fillId="0" borderId="0" xfId="0" applyFont="1" applyAlignment="1">
      <alignment vertical="center"/>
    </xf>
    <xf numFmtId="0" fontId="43" fillId="0" borderId="0" xfId="0" applyFont="1"/>
    <xf numFmtId="0" fontId="43" fillId="0" borderId="20" xfId="0" applyFont="1" applyBorder="1"/>
    <xf numFmtId="0" fontId="43" fillId="0" borderId="20" xfId="0" applyFont="1" applyBorder="1" applyAlignment="1">
      <alignment vertical="center" wrapText="1"/>
    </xf>
    <xf numFmtId="0" fontId="43" fillId="0" borderId="20" xfId="0" applyFont="1" applyBorder="1" applyAlignment="1">
      <alignment wrapText="1"/>
    </xf>
    <xf numFmtId="0" fontId="43" fillId="0" borderId="20" xfId="0" applyFont="1" applyBorder="1" applyAlignment="1">
      <alignment horizontal="left" vertical="center" wrapText="1"/>
    </xf>
    <xf numFmtId="0" fontId="43" fillId="0" borderId="21" xfId="0" applyFont="1" applyBorder="1" applyAlignment="1">
      <alignment wrapText="1"/>
    </xf>
    <xf numFmtId="0" fontId="38" fillId="0" borderId="32" xfId="0" applyFont="1" applyBorder="1" applyAlignment="1">
      <alignment vertical="center" wrapText="1"/>
    </xf>
    <xf numFmtId="0" fontId="0" fillId="0" borderId="19" xfId="0" applyBorder="1"/>
    <xf numFmtId="0" fontId="30" fillId="0" borderId="8" xfId="0" applyFont="1" applyBorder="1" applyAlignment="1">
      <alignment wrapText="1"/>
    </xf>
    <xf numFmtId="0" fontId="8" fillId="0" borderId="32" xfId="0" applyFont="1" applyBorder="1" applyAlignment="1">
      <alignment wrapText="1"/>
    </xf>
    <xf numFmtId="0" fontId="47" fillId="0" borderId="52" xfId="0" applyFont="1" applyBorder="1"/>
    <xf numFmtId="0" fontId="30" fillId="0" borderId="8" xfId="0" applyFont="1" applyBorder="1"/>
    <xf numFmtId="0" fontId="51" fillId="0" borderId="8" xfId="0" applyFont="1" applyBorder="1"/>
    <xf numFmtId="0" fontId="52" fillId="15" borderId="1" xfId="0" applyFont="1" applyFill="1" applyBorder="1" applyAlignment="1">
      <alignment horizontal="center" vertical="center"/>
    </xf>
    <xf numFmtId="0" fontId="7" fillId="15" borderId="1" xfId="0" applyFont="1" applyFill="1" applyBorder="1" applyAlignment="1">
      <alignment horizontal="center" vertical="center"/>
    </xf>
    <xf numFmtId="0" fontId="8" fillId="16" borderId="1" xfId="0" applyFont="1" applyFill="1" applyBorder="1"/>
    <xf numFmtId="0" fontId="8" fillId="16" borderId="59" xfId="0" applyFont="1" applyFill="1" applyBorder="1"/>
    <xf numFmtId="0" fontId="43" fillId="0" borderId="32" xfId="0" applyFont="1" applyBorder="1" applyAlignment="1">
      <alignment wrapText="1"/>
    </xf>
    <xf numFmtId="0" fontId="47" fillId="0" borderId="32" xfId="0" applyFont="1" applyBorder="1"/>
    <xf numFmtId="0" fontId="0" fillId="0" borderId="6" xfId="0" applyBorder="1"/>
    <xf numFmtId="0" fontId="38" fillId="0" borderId="58" xfId="0" applyFont="1" applyBorder="1" applyAlignment="1">
      <alignment vertical="center"/>
    </xf>
    <xf numFmtId="0" fontId="43" fillId="0" borderId="53" xfId="0" applyFont="1" applyBorder="1" applyAlignment="1">
      <alignment wrapText="1"/>
    </xf>
    <xf numFmtId="0" fontId="38" fillId="0" borderId="8" xfId="0" applyFont="1" applyBorder="1" applyAlignment="1">
      <alignment vertical="center"/>
    </xf>
    <xf numFmtId="0" fontId="43" fillId="0" borderId="21" xfId="0" applyFont="1" applyBorder="1"/>
    <xf numFmtId="0" fontId="38" fillId="0" borderId="61" xfId="0" applyFont="1" applyBorder="1" applyAlignment="1">
      <alignment vertical="center"/>
    </xf>
    <xf numFmtId="0" fontId="43" fillId="0" borderId="53" xfId="0" applyFont="1" applyBorder="1" applyAlignment="1">
      <alignment vertical="center" wrapText="1"/>
    </xf>
    <xf numFmtId="0" fontId="38" fillId="0" borderId="8" xfId="0" applyFont="1" applyBorder="1" applyAlignment="1">
      <alignment vertical="center" wrapText="1"/>
    </xf>
    <xf numFmtId="0" fontId="43" fillId="0" borderId="52" xfId="0" applyFont="1" applyBorder="1" applyAlignment="1">
      <alignment wrapText="1"/>
    </xf>
    <xf numFmtId="0" fontId="38" fillId="14" borderId="61" xfId="0" applyFont="1" applyFill="1" applyBorder="1" applyAlignment="1">
      <alignment vertical="center"/>
    </xf>
    <xf numFmtId="0" fontId="43" fillId="14" borderId="60" xfId="0" applyFont="1" applyFill="1" applyBorder="1"/>
    <xf numFmtId="0" fontId="53" fillId="0" borderId="32" xfId="0" applyFont="1" applyBorder="1"/>
    <xf numFmtId="0" fontId="47" fillId="0" borderId="8" xfId="0" applyFont="1" applyBorder="1" applyAlignment="1">
      <alignment wrapText="1"/>
    </xf>
    <xf numFmtId="0" fontId="7" fillId="15" borderId="28" xfId="0" applyFont="1" applyFill="1" applyBorder="1" applyAlignment="1">
      <alignment horizontal="center" vertical="center"/>
    </xf>
    <xf numFmtId="0" fontId="8" fillId="16" borderId="64" xfId="0" applyFont="1" applyFill="1" applyBorder="1"/>
    <xf numFmtId="0" fontId="8" fillId="0" borderId="21" xfId="0" applyFont="1" applyBorder="1"/>
    <xf numFmtId="0" fontId="47" fillId="0" borderId="8" xfId="0" applyFont="1" applyBorder="1" applyAlignment="1">
      <alignment vertical="center" wrapText="1"/>
    </xf>
    <xf numFmtId="0" fontId="43" fillId="16" borderId="65" xfId="0" applyFont="1" applyFill="1" applyBorder="1" applyAlignment="1">
      <alignment vertical="center" wrapText="1"/>
    </xf>
    <xf numFmtId="0" fontId="43" fillId="0" borderId="66" xfId="0" applyFont="1" applyBorder="1"/>
    <xf numFmtId="0" fontId="0" fillId="0" borderId="66" xfId="0" applyBorder="1"/>
    <xf numFmtId="0" fontId="8" fillId="0" borderId="65" xfId="0" applyFont="1" applyBorder="1"/>
    <xf numFmtId="0" fontId="43" fillId="0" borderId="66" xfId="0" applyFont="1" applyBorder="1" applyAlignment="1">
      <alignment vertical="center" wrapText="1"/>
    </xf>
    <xf numFmtId="0" fontId="52" fillId="15" borderId="56" xfId="0" applyFont="1" applyFill="1" applyBorder="1" applyAlignment="1">
      <alignment horizontal="center" vertical="center"/>
    </xf>
    <xf numFmtId="0" fontId="8" fillId="16" borderId="62" xfId="0" applyFont="1" applyFill="1" applyBorder="1"/>
    <xf numFmtId="0" fontId="43" fillId="0" borderId="31" xfId="0" applyFont="1" applyBorder="1" applyAlignment="1">
      <alignment wrapText="1"/>
    </xf>
    <xf numFmtId="0" fontId="8" fillId="0" borderId="31" xfId="0" applyFont="1" applyBorder="1" applyAlignment="1">
      <alignment wrapText="1"/>
    </xf>
    <xf numFmtId="0" fontId="8" fillId="0" borderId="21" xfId="0" applyFont="1" applyBorder="1" applyAlignment="1">
      <alignment wrapText="1"/>
    </xf>
    <xf numFmtId="0" fontId="38" fillId="14" borderId="32" xfId="0" applyFont="1" applyFill="1" applyBorder="1" applyAlignment="1">
      <alignment vertical="center"/>
    </xf>
    <xf numFmtId="0" fontId="43" fillId="14" borderId="8" xfId="0" applyFont="1" applyFill="1" applyBorder="1"/>
    <xf numFmtId="0" fontId="38" fillId="0" borderId="21" xfId="0" applyFont="1" applyBorder="1" applyAlignment="1">
      <alignment vertical="center"/>
    </xf>
    <xf numFmtId="0" fontId="38" fillId="0" borderId="15" xfId="0" applyFont="1" applyBorder="1" applyAlignment="1">
      <alignment vertical="center"/>
    </xf>
    <xf numFmtId="0" fontId="38" fillId="0" borderId="15" xfId="0" applyFont="1" applyBorder="1" applyAlignment="1">
      <alignment vertical="center" wrapText="1"/>
    </xf>
    <xf numFmtId="0" fontId="8" fillId="0" borderId="8" xfId="0" applyFont="1" applyBorder="1" applyAlignment="1">
      <alignment wrapText="1"/>
    </xf>
    <xf numFmtId="0" fontId="30" fillId="0" borderId="66" xfId="0" applyFont="1" applyBorder="1"/>
    <xf numFmtId="0" fontId="43" fillId="16" borderId="32" xfId="0" applyFont="1" applyFill="1" applyBorder="1" applyAlignment="1">
      <alignment vertical="center" wrapText="1"/>
    </xf>
    <xf numFmtId="0" fontId="38" fillId="0" borderId="5" xfId="0" applyFont="1" applyBorder="1" applyAlignment="1">
      <alignment vertical="center"/>
    </xf>
    <xf numFmtId="0" fontId="38" fillId="0" borderId="7" xfId="0" applyFont="1" applyBorder="1" applyAlignment="1">
      <alignment vertical="center"/>
    </xf>
    <xf numFmtId="0" fontId="52" fillId="15" borderId="67" xfId="0" applyFont="1" applyFill="1" applyBorder="1" applyAlignment="1">
      <alignment horizontal="center" vertical="center"/>
    </xf>
    <xf numFmtId="0" fontId="7" fillId="15" borderId="63" xfId="0" applyFont="1" applyFill="1" applyBorder="1" applyAlignment="1">
      <alignment horizontal="center" vertical="center"/>
    </xf>
    <xf numFmtId="0" fontId="43" fillId="0" borderId="46" xfId="0" applyFont="1" applyBorder="1"/>
    <xf numFmtId="0" fontId="8" fillId="0" borderId="11" xfId="0" applyFont="1" applyBorder="1"/>
    <xf numFmtId="0" fontId="43" fillId="0" borderId="11" xfId="0" applyFont="1" applyBorder="1"/>
    <xf numFmtId="0" fontId="43" fillId="0" borderId="31" xfId="0" applyFont="1" applyBorder="1"/>
    <xf numFmtId="0" fontId="43" fillId="0" borderId="29" xfId="0" applyFont="1" applyBorder="1"/>
    <xf numFmtId="0" fontId="43" fillId="0" borderId="68" xfId="0" applyFont="1" applyBorder="1" applyAlignment="1">
      <alignment wrapText="1"/>
    </xf>
    <xf numFmtId="0" fontId="19" fillId="3" borderId="0" xfId="0" applyFont="1" applyFill="1" applyAlignment="1">
      <alignment horizontal="center"/>
    </xf>
    <xf numFmtId="0" fontId="18" fillId="3" borderId="0" xfId="0" applyFont="1" applyFill="1" applyAlignment="1">
      <alignment horizontal="center"/>
    </xf>
    <xf numFmtId="0" fontId="2" fillId="4" borderId="0" xfId="0" applyFont="1" applyFill="1" applyAlignment="1">
      <alignment horizontal="center" wrapText="1"/>
    </xf>
    <xf numFmtId="0" fontId="22" fillId="8" borderId="16" xfId="0" applyFont="1" applyFill="1" applyBorder="1"/>
    <xf numFmtId="0" fontId="23" fillId="10" borderId="14" xfId="0" applyFont="1" applyFill="1" applyBorder="1" applyAlignment="1">
      <alignment wrapText="1"/>
    </xf>
    <xf numFmtId="0" fontId="23" fillId="10" borderId="16" xfId="0" applyFont="1" applyFill="1" applyBorder="1" applyAlignment="1">
      <alignment wrapText="1"/>
    </xf>
    <xf numFmtId="0" fontId="22" fillId="8" borderId="9" xfId="0" applyFont="1" applyFill="1" applyBorder="1"/>
    <xf numFmtId="0" fontId="35" fillId="7" borderId="30" xfId="0" applyFont="1" applyFill="1" applyBorder="1" applyAlignment="1">
      <alignment horizontal="center" vertical="center" wrapText="1"/>
    </xf>
    <xf numFmtId="0" fontId="35" fillId="7" borderId="42" xfId="0" applyFont="1" applyFill="1" applyBorder="1" applyAlignment="1">
      <alignment horizontal="center" vertical="center" wrapText="1"/>
    </xf>
    <xf numFmtId="0" fontId="35" fillId="7" borderId="24" xfId="0" applyFont="1" applyFill="1" applyBorder="1" applyAlignment="1">
      <alignment horizontal="center" vertical="center" wrapText="1"/>
    </xf>
    <xf numFmtId="0" fontId="35" fillId="7" borderId="12" xfId="0" applyFont="1" applyFill="1" applyBorder="1" applyAlignment="1">
      <alignment horizontal="center" vertical="center" wrapText="1"/>
    </xf>
    <xf numFmtId="0" fontId="35" fillId="7" borderId="4" xfId="0" applyFont="1" applyFill="1" applyBorder="1" applyAlignment="1">
      <alignment horizontal="center" vertical="center" wrapText="1"/>
    </xf>
    <xf numFmtId="0" fontId="35" fillId="7" borderId="13" xfId="0" applyFont="1" applyFill="1" applyBorder="1" applyAlignment="1">
      <alignment horizontal="center" vertical="center" wrapText="1"/>
    </xf>
    <xf numFmtId="0" fontId="14" fillId="2" borderId="4" xfId="0" applyFont="1" applyFill="1" applyBorder="1" applyAlignment="1">
      <alignment horizontal="center" vertical="center"/>
    </xf>
    <xf numFmtId="0" fontId="16" fillId="3" borderId="23" xfId="0" applyFont="1" applyFill="1" applyBorder="1" applyAlignment="1">
      <alignment horizontal="left" vertical="center" wrapText="1"/>
    </xf>
    <xf numFmtId="0" fontId="16" fillId="3" borderId="25" xfId="0" applyFont="1" applyFill="1" applyBorder="1" applyAlignment="1">
      <alignment horizontal="left" vertical="center" wrapText="1"/>
    </xf>
    <xf numFmtId="0" fontId="16" fillId="3" borderId="27" xfId="0" applyFont="1" applyFill="1" applyBorder="1" applyAlignment="1">
      <alignment horizontal="left" vertical="center" wrapText="1"/>
    </xf>
    <xf numFmtId="0" fontId="33" fillId="2" borderId="4" xfId="0" applyFont="1" applyFill="1" applyBorder="1" applyAlignment="1">
      <alignment horizontal="center"/>
    </xf>
    <xf numFmtId="0" fontId="36" fillId="13" borderId="43" xfId="0" applyFont="1" applyFill="1" applyBorder="1" applyAlignment="1">
      <alignment horizontal="center" vertical="top" wrapText="1"/>
    </xf>
    <xf numFmtId="0" fontId="36" fillId="13" borderId="22" xfId="0" applyFont="1" applyFill="1" applyBorder="1" applyAlignment="1">
      <alignment horizontal="center" vertical="top" wrapText="1"/>
    </xf>
    <xf numFmtId="0" fontId="33" fillId="2" borderId="0" xfId="0" applyFont="1" applyFill="1" applyAlignment="1">
      <alignment horizontal="center" vertical="center"/>
    </xf>
    <xf numFmtId="0" fontId="33" fillId="2" borderId="4" xfId="0" applyFont="1" applyFill="1" applyBorder="1" applyAlignment="1">
      <alignment horizontal="center" vertical="center"/>
    </xf>
  </cellXfs>
  <cellStyles count="2">
    <cellStyle name="Hyperlink" xfId="1" builtinId="8"/>
    <cellStyle name="Normal" xfId="0" builtinId="0"/>
  </cellStyles>
  <dxfs count="0"/>
  <tableStyles count="0" defaultTableStyle="TableStyleMedium2" defaultPivotStyle="PivotStyleLight16"/>
  <colors>
    <mruColors>
      <color rgb="FF80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2.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image" Target="../media/image6.png"/><Relationship Id="rId4" Type="http://schemas.openxmlformats.org/officeDocument/2006/relationships/image" Target="../media/image9.png"/></Relationships>
</file>

<file path=xl/drawings/_rels/drawing5.xml.rels><?xml version="1.0" encoding="UTF-8" standalone="yes"?>
<Relationships xmlns="http://schemas.openxmlformats.org/package/2006/relationships"><Relationship Id="rId1" Type="http://schemas.openxmlformats.org/officeDocument/2006/relationships/image" Target="../media/image10.emf"/></Relationships>
</file>

<file path=xl/drawings/drawing1.xml><?xml version="1.0" encoding="utf-8"?>
<xdr:wsDr xmlns:xdr="http://schemas.openxmlformats.org/drawingml/2006/spreadsheetDrawing" xmlns:a="http://schemas.openxmlformats.org/drawingml/2006/main">
  <xdr:twoCellAnchor editAs="oneCell">
    <xdr:from>
      <xdr:col>2</xdr:col>
      <xdr:colOff>64577</xdr:colOff>
      <xdr:row>1</xdr:row>
      <xdr:rowOff>1</xdr:rowOff>
    </xdr:from>
    <xdr:to>
      <xdr:col>33</xdr:col>
      <xdr:colOff>290593</xdr:colOff>
      <xdr:row>48</xdr:row>
      <xdr:rowOff>82324</xdr:rowOff>
    </xdr:to>
    <xdr:pic>
      <xdr:nvPicPr>
        <xdr:cNvPr id="2" name="Picture 1">
          <a:extLst>
            <a:ext uri="{FF2B5EF4-FFF2-40B4-BE49-F238E27FC236}">
              <a16:creationId xmlns:a16="http://schemas.microsoft.com/office/drawing/2014/main" id="{0857A279-D195-40EE-B1FE-17BF1EC4E5A4}"/>
            </a:ext>
          </a:extLst>
        </xdr:cNvPr>
        <xdr:cNvPicPr>
          <a:picLocks noChangeAspect="1"/>
        </xdr:cNvPicPr>
      </xdr:nvPicPr>
      <xdr:blipFill>
        <a:blip xmlns:r="http://schemas.openxmlformats.org/officeDocument/2006/relationships" r:embed="rId1"/>
        <a:stretch>
          <a:fillRect/>
        </a:stretch>
      </xdr:blipFill>
      <xdr:spPr>
        <a:xfrm>
          <a:off x="1291526" y="193730"/>
          <a:ext cx="19243728" cy="918757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xdr:colOff>
      <xdr:row>3</xdr:row>
      <xdr:rowOff>9525</xdr:rowOff>
    </xdr:from>
    <xdr:to>
      <xdr:col>6</xdr:col>
      <xdr:colOff>4648200</xdr:colOff>
      <xdr:row>7</xdr:row>
      <xdr:rowOff>1</xdr:rowOff>
    </xdr:to>
    <xdr:sp macro="" textlink="">
      <xdr:nvSpPr>
        <xdr:cNvPr id="2" name="TextBox 1">
          <a:extLst>
            <a:ext uri="{FF2B5EF4-FFF2-40B4-BE49-F238E27FC236}">
              <a16:creationId xmlns:a16="http://schemas.microsoft.com/office/drawing/2014/main" id="{B5E93B82-A4B0-4241-9F31-D570C1EF5986}"/>
            </a:ext>
          </a:extLst>
        </xdr:cNvPr>
        <xdr:cNvSpPr txBox="1"/>
      </xdr:nvSpPr>
      <xdr:spPr>
        <a:xfrm>
          <a:off x="2066925" y="552450"/>
          <a:ext cx="2733675" cy="7143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en-US" sz="1100">
              <a:solidFill>
                <a:schemeClr val="dk1"/>
              </a:solidFill>
              <a:effectLst/>
              <a:latin typeface="+mn-lt"/>
              <a:ea typeface="+mn-ea"/>
              <a:cs typeface="+mn-cs"/>
            </a:rPr>
            <a:t>This log is updated each time this Process Document is updated.  The log identifies the version number, the date the version was completed, the author of the changes, and a brief description of the changes.</a:t>
          </a:r>
        </a:p>
        <a:p>
          <a:endParaRPr lang="en-US" sz="1100"/>
        </a:p>
      </xdr:txBody>
    </xdr:sp>
    <xdr:clientData/>
  </xdr:twoCellAnchor>
  <xdr:oneCellAnchor>
    <xdr:from>
      <xdr:col>2</xdr:col>
      <xdr:colOff>66675</xdr:colOff>
      <xdr:row>41</xdr:row>
      <xdr:rowOff>161925</xdr:rowOff>
    </xdr:from>
    <xdr:ext cx="1669490" cy="310965"/>
    <xdr:pic macro="[0]!Picture2_Click">
      <xdr:nvPicPr>
        <xdr:cNvPr id="3" name="Picture 2">
          <a:extLst>
            <a:ext uri="{FF2B5EF4-FFF2-40B4-BE49-F238E27FC236}">
              <a16:creationId xmlns:a16="http://schemas.microsoft.com/office/drawing/2014/main" id="{0C0BB409-6A38-435C-8CD5-041168CFE54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38275" y="7581900"/>
          <a:ext cx="1669490" cy="31096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4</xdr:col>
      <xdr:colOff>47625</xdr:colOff>
      <xdr:row>48</xdr:row>
      <xdr:rowOff>166687</xdr:rowOff>
    </xdr:from>
    <xdr:to>
      <xdr:col>26</xdr:col>
      <xdr:colOff>13607</xdr:colOff>
      <xdr:row>87</xdr:row>
      <xdr:rowOff>22901</xdr:rowOff>
    </xdr:to>
    <xdr:pic>
      <xdr:nvPicPr>
        <xdr:cNvPr id="7" name="Picture 6">
          <a:extLst>
            <a:ext uri="{FF2B5EF4-FFF2-40B4-BE49-F238E27FC236}">
              <a16:creationId xmlns:a16="http://schemas.microsoft.com/office/drawing/2014/main" id="{7A526636-29FC-4425-BDAF-A34F58AF0200}"/>
            </a:ext>
            <a:ext uri="{147F2762-F138-4A5C-976F-8EAC2B608ADB}">
              <a16:predDERef xmlns:a16="http://schemas.microsoft.com/office/drawing/2014/main" pred="{9DDD8962-BE1F-4367-A400-FB55A4799890}"/>
            </a:ext>
          </a:extLst>
        </xdr:cNvPr>
        <xdr:cNvPicPr>
          <a:picLocks noChangeAspect="1"/>
        </xdr:cNvPicPr>
      </xdr:nvPicPr>
      <xdr:blipFill>
        <a:blip xmlns:r="http://schemas.openxmlformats.org/officeDocument/2006/relationships" r:embed="rId1"/>
        <a:stretch>
          <a:fillRect/>
        </a:stretch>
      </xdr:blipFill>
      <xdr:spPr>
        <a:xfrm>
          <a:off x="2496911" y="9310687"/>
          <a:ext cx="13437053" cy="7285714"/>
        </a:xfrm>
        <a:prstGeom prst="rect">
          <a:avLst/>
        </a:prstGeom>
      </xdr:spPr>
    </xdr:pic>
    <xdr:clientData/>
  </xdr:twoCellAnchor>
  <xdr:twoCellAnchor editAs="oneCell">
    <xdr:from>
      <xdr:col>4</xdr:col>
      <xdr:colOff>0</xdr:colOff>
      <xdr:row>8</xdr:row>
      <xdr:rowOff>0</xdr:rowOff>
    </xdr:from>
    <xdr:to>
      <xdr:col>27</xdr:col>
      <xdr:colOff>392797</xdr:colOff>
      <xdr:row>47</xdr:row>
      <xdr:rowOff>94309</xdr:rowOff>
    </xdr:to>
    <xdr:pic>
      <xdr:nvPicPr>
        <xdr:cNvPr id="8" name="Picture 7">
          <a:extLst>
            <a:ext uri="{FF2B5EF4-FFF2-40B4-BE49-F238E27FC236}">
              <a16:creationId xmlns:a16="http://schemas.microsoft.com/office/drawing/2014/main" id="{0EECB5DE-48F9-0F1D-F7C5-1C667977E6C6}"/>
            </a:ext>
          </a:extLst>
        </xdr:cNvPr>
        <xdr:cNvPicPr>
          <a:picLocks noChangeAspect="1"/>
        </xdr:cNvPicPr>
      </xdr:nvPicPr>
      <xdr:blipFill>
        <a:blip xmlns:r="http://schemas.openxmlformats.org/officeDocument/2006/relationships" r:embed="rId2"/>
        <a:stretch>
          <a:fillRect/>
        </a:stretch>
      </xdr:blipFill>
      <xdr:spPr>
        <a:xfrm>
          <a:off x="2449286" y="1524000"/>
          <a:ext cx="14476190" cy="7523809"/>
        </a:xfrm>
        <a:prstGeom prst="rect">
          <a:avLst/>
        </a:prstGeom>
      </xdr:spPr>
    </xdr:pic>
    <xdr:clientData/>
  </xdr:twoCellAnchor>
  <xdr:twoCellAnchor editAs="oneCell">
    <xdr:from>
      <xdr:col>4</xdr:col>
      <xdr:colOff>326571</xdr:colOff>
      <xdr:row>25</xdr:row>
      <xdr:rowOff>68036</xdr:rowOff>
    </xdr:from>
    <xdr:to>
      <xdr:col>7</xdr:col>
      <xdr:colOff>380999</xdr:colOff>
      <xdr:row>30</xdr:row>
      <xdr:rowOff>175192</xdr:rowOff>
    </xdr:to>
    <xdr:pic>
      <xdr:nvPicPr>
        <xdr:cNvPr id="9" name="Picture 8">
          <a:extLst>
            <a:ext uri="{FF2B5EF4-FFF2-40B4-BE49-F238E27FC236}">
              <a16:creationId xmlns:a16="http://schemas.microsoft.com/office/drawing/2014/main" id="{64E41DE9-0BA3-4D8C-A400-E2B13AAE9798}"/>
            </a:ext>
          </a:extLst>
        </xdr:cNvPr>
        <xdr:cNvPicPr>
          <a:picLocks noChangeAspect="1"/>
        </xdr:cNvPicPr>
      </xdr:nvPicPr>
      <xdr:blipFill>
        <a:blip xmlns:r="http://schemas.openxmlformats.org/officeDocument/2006/relationships" r:embed="rId3"/>
        <a:stretch>
          <a:fillRect/>
        </a:stretch>
      </xdr:blipFill>
      <xdr:spPr>
        <a:xfrm>
          <a:off x="2775857" y="4830536"/>
          <a:ext cx="1891392" cy="1059656"/>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oneCellAnchor>
    <xdr:from>
      <xdr:col>1</xdr:col>
      <xdr:colOff>1</xdr:colOff>
      <xdr:row>18</xdr:row>
      <xdr:rowOff>0</xdr:rowOff>
    </xdr:from>
    <xdr:ext cx="2745924" cy="3856567"/>
    <xdr:pic>
      <xdr:nvPicPr>
        <xdr:cNvPr id="2" name="Picture 1" descr="C:\Users\i859206\AppData\Local\Temp\msohtmlclip1\02\clip_image001.png">
          <a:extLst>
            <a:ext uri="{FF2B5EF4-FFF2-40B4-BE49-F238E27FC236}">
              <a16:creationId xmlns:a16="http://schemas.microsoft.com/office/drawing/2014/main" id="{F4D8747D-CB5C-4094-817A-C8698E51379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85801" y="3257550"/>
          <a:ext cx="2745924" cy="3856567"/>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1</xdr:col>
      <xdr:colOff>38100</xdr:colOff>
      <xdr:row>57</xdr:row>
      <xdr:rowOff>176213</xdr:rowOff>
    </xdr:from>
    <xdr:ext cx="4677587" cy="4935538"/>
    <xdr:pic>
      <xdr:nvPicPr>
        <xdr:cNvPr id="3" name="Picture 2" descr="Machine generated alternative text:&#10;Ariba Exchange User Community &#10;Support Center &#10;I need help with SCC &#10;R. cptain &#10;cac€RS sw.c*e Data IPO&quot; &#10;EBFACT &#10;EWACT &#10;EL:GACT cRtRSP &#10;Cant find what you are looking for? Let us help you. &#10;E Get help by email &#10;Get help by live chat &#10;Get help by phone Estimate' wait in minutes 2 &#10;Attend a live webinar ">
          <a:extLst>
            <a:ext uri="{FF2B5EF4-FFF2-40B4-BE49-F238E27FC236}">
              <a16:creationId xmlns:a16="http://schemas.microsoft.com/office/drawing/2014/main" id="{5D4DA325-316A-41BA-84E2-5CD924352D8F}"/>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723900" y="10491788"/>
          <a:ext cx="4677587" cy="4935538"/>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1</xdr:col>
      <xdr:colOff>4763</xdr:colOff>
      <xdr:row>87</xdr:row>
      <xdr:rowOff>47625</xdr:rowOff>
    </xdr:from>
    <xdr:ext cx="4790124" cy="3224213"/>
    <xdr:pic>
      <xdr:nvPicPr>
        <xdr:cNvPr id="4" name="Picture 3" descr="Machine generated alternative text:&#10;Ariba Exchange User Community &#10;SAP Ariba Email Support &#10;to Safe List a &#10;problem Description &#10;Contact Information &#10;Homo &#10;Learning Support ">
          <a:extLst>
            <a:ext uri="{FF2B5EF4-FFF2-40B4-BE49-F238E27FC236}">
              <a16:creationId xmlns:a16="http://schemas.microsoft.com/office/drawing/2014/main" id="{562CC12F-6A62-4C78-88AE-4B443092B612}"/>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90563" y="15792450"/>
          <a:ext cx="4790124" cy="3224213"/>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0</xdr:colOff>
      <xdr:row>18</xdr:row>
      <xdr:rowOff>0</xdr:rowOff>
    </xdr:from>
    <xdr:ext cx="1464552" cy="4784151"/>
    <xdr:pic>
      <xdr:nvPicPr>
        <xdr:cNvPr id="5" name="Picture 4">
          <a:extLst>
            <a:ext uri="{FF2B5EF4-FFF2-40B4-BE49-F238E27FC236}">
              <a16:creationId xmlns:a16="http://schemas.microsoft.com/office/drawing/2014/main" id="{2F207EFA-65A2-4E7A-A7CF-3B0634411660}"/>
            </a:ext>
          </a:extLst>
        </xdr:cNvPr>
        <xdr:cNvPicPr>
          <a:picLocks noChangeAspect="1"/>
        </xdr:cNvPicPr>
      </xdr:nvPicPr>
      <xdr:blipFill>
        <a:blip xmlns:r="http://schemas.openxmlformats.org/officeDocument/2006/relationships" r:embed="rId4"/>
        <a:stretch>
          <a:fillRect/>
        </a:stretch>
      </xdr:blipFill>
      <xdr:spPr>
        <a:xfrm>
          <a:off x="4114800" y="3257550"/>
          <a:ext cx="1464552" cy="4784151"/>
        </a:xfrm>
        <a:prstGeom prst="rect">
          <a:avLst/>
        </a:prstGeom>
      </xdr:spPr>
    </xdr:pic>
    <xdr:clientData/>
  </xdr:oneCellAnchor>
</xdr:wsDr>
</file>

<file path=xl/drawings/drawing5.xml><?xml version="1.0" encoding="utf-8"?>
<xdr:wsDr xmlns:xdr="http://schemas.openxmlformats.org/drawingml/2006/spreadsheetDrawing" xmlns:a="http://schemas.openxmlformats.org/drawingml/2006/main">
  <xdr:twoCellAnchor>
    <xdr:from>
      <xdr:col>2</xdr:col>
      <xdr:colOff>9525</xdr:colOff>
      <xdr:row>3</xdr:row>
      <xdr:rowOff>0</xdr:rowOff>
    </xdr:from>
    <xdr:to>
      <xdr:col>8</xdr:col>
      <xdr:colOff>1171574</xdr:colOff>
      <xdr:row>33</xdr:row>
      <xdr:rowOff>171450</xdr:rowOff>
    </xdr:to>
    <xdr:sp macro="" textlink="">
      <xdr:nvSpPr>
        <xdr:cNvPr id="2" name="Text Box 141">
          <a:extLst>
            <a:ext uri="{FF2B5EF4-FFF2-40B4-BE49-F238E27FC236}">
              <a16:creationId xmlns:a16="http://schemas.microsoft.com/office/drawing/2014/main" id="{CAB9C140-1B36-474D-93D1-9591A1196110}"/>
            </a:ext>
          </a:extLst>
        </xdr:cNvPr>
        <xdr:cNvSpPr txBox="1"/>
      </xdr:nvSpPr>
      <xdr:spPr>
        <a:xfrm>
          <a:off x="1381125" y="542925"/>
          <a:ext cx="4791074" cy="5600700"/>
        </a:xfrm>
        <a:prstGeom prst="rect">
          <a:avLst/>
        </a:prstGeom>
        <a:solidFill>
          <a:schemeClr val="bg1"/>
        </a:solidFill>
        <a:ln w="6350">
          <a:noFill/>
        </a:ln>
        <a:effectLst>
          <a:outerShdw dist="19050" dir="10800000" algn="r" rotWithShape="0">
            <a:schemeClr val="accent2"/>
          </a:outerShdw>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228600" tIns="137160" rIns="0" bIns="137160" numCol="1" spcCol="0" rtlCol="0" fromWordArt="0" anchor="t" anchorCtr="0" forceAA="0" compatLnSpc="1">
          <a:prstTxWarp prst="textNoShape">
            <a:avLst/>
          </a:prstTxWarp>
          <a:noAutofit/>
        </a:bodyPr>
        <a:lstStyle/>
        <a:p>
          <a:pPr marL="0" marR="0">
            <a:lnSpc>
              <a:spcPct val="107000"/>
            </a:lnSpc>
            <a:spcBef>
              <a:spcPts val="0"/>
            </a:spcBef>
            <a:spcAft>
              <a:spcPts val="1200"/>
            </a:spcAft>
          </a:pPr>
          <a:endParaRPr lang="en-US" sz="1800" cap="all">
            <a:solidFill>
              <a:srgbClr val="191919"/>
            </a:solidFill>
            <a:effectLst/>
            <a:latin typeface="Calibri Light" panose="020F0302020204030204" pitchFamily="34" charset="0"/>
            <a:ea typeface="Times New Roman" panose="02020603050405020304" pitchFamily="18"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 2020 SAP SE or an SAP affiliate company. All rights reserved.</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No part of this publication may be reproduced or transmitted in any form or for any purpose without the express permission of SAP SE or an SAP affiliate compan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 information contained herein may be changed without prior notice. Some software products marketed by SAP SE and its distributors contain proprietary software components of other software vendors. National product specifications may var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a:t>
          </a:r>
          <a:r>
            <a:rPr lang="en-US" sz="1000">
              <a:solidFill>
                <a:srgbClr val="000000"/>
              </a:solidFill>
              <a:effectLst/>
              <a:ea typeface="Calibri" panose="020F0502020204030204" pitchFamily="34" charset="0"/>
              <a:cs typeface="Arial" panose="020B0604020202020204" pitchFamily="34" charset="0"/>
            </a:rPr>
            <a:t>. </a:t>
          </a:r>
          <a:r>
            <a:rPr lang="en-US" sz="800">
              <a:solidFill>
                <a:srgbClr val="0070C0"/>
              </a:solidFill>
              <a:effectLst/>
              <a:ea typeface="Calibri" panose="020F0502020204030204" pitchFamily="34" charset="0"/>
              <a:cs typeface="Arial" panose="020B0604020202020204" pitchFamily="34" charset="0"/>
            </a:rPr>
            <a:t>See </a:t>
          </a:r>
          <a:r>
            <a:rPr lang="en-US" sz="800" u="sng">
              <a:solidFill>
                <a:srgbClr val="0070C0"/>
              </a:solidFill>
              <a:effectLst/>
              <a:ea typeface="Calibri" panose="020F0502020204030204" pitchFamily="34" charset="0"/>
              <a:cs typeface="Arial" panose="020B0604020202020204" pitchFamily="34" charset="0"/>
            </a:rPr>
            <a:t>http://www.sap.com/corporate-en/legal/copyright/index.epx</a:t>
          </a:r>
          <a:r>
            <a:rPr lang="en-US" sz="800">
              <a:solidFill>
                <a:srgbClr val="000000"/>
              </a:solidFill>
              <a:effectLst/>
              <a:ea typeface="Calibri" panose="020F0502020204030204" pitchFamily="34" charset="0"/>
              <a:cs typeface="Arial" panose="020B0604020202020204" pitchFamily="34" charset="0"/>
            </a:rPr>
            <a:t> for additional trademark information and notice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1100">
              <a:solidFill>
                <a:srgbClr val="808080"/>
              </a:solidFill>
              <a:effectLst/>
              <a:ea typeface="Calibri" panose="020F0502020204030204" pitchFamily="34" charset="0"/>
              <a:cs typeface="Times New Roman" panose="02020603050405020304" pitchFamily="18" charset="0"/>
            </a:rPr>
            <a:t> </a:t>
          </a:r>
          <a:endParaRPr lang="en-US" sz="1100">
            <a:effectLst/>
            <a:ea typeface="Calibri" panose="020F0502020204030204" pitchFamily="34" charset="0"/>
            <a:cs typeface="Times New Roman" panose="02020603050405020304" pitchFamily="18" charset="0"/>
          </a:endParaRPr>
        </a:p>
      </xdr:txBody>
    </xdr:sp>
    <xdr:clientData/>
  </xdr:twoCellAnchor>
  <xdr:oneCellAnchor>
    <xdr:from>
      <xdr:col>2</xdr:col>
      <xdr:colOff>409575</xdr:colOff>
      <xdr:row>4</xdr:row>
      <xdr:rowOff>123825</xdr:rowOff>
    </xdr:from>
    <xdr:ext cx="2361565" cy="270510"/>
    <xdr:pic>
      <xdr:nvPicPr>
        <xdr:cNvPr id="3" name="Picture 2">
          <a:extLst>
            <a:ext uri="{FF2B5EF4-FFF2-40B4-BE49-F238E27FC236}">
              <a16:creationId xmlns:a16="http://schemas.microsoft.com/office/drawing/2014/main" id="{8DB36163-29AE-4C59-BB23-24CEF8B181EF}"/>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781175" y="847725"/>
          <a:ext cx="2361565" cy="270510"/>
        </a:xfrm>
        <a:prstGeom prst="rect">
          <a:avLst/>
        </a:prstGeom>
        <a:noFill/>
        <a:ln>
          <a:noFill/>
        </a:ln>
      </xdr:spPr>
    </xdr:pic>
    <xdr:clientData/>
  </xdr:oneCellAnchor>
</xdr:wsDr>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0.bin"/><Relationship Id="rId1" Type="http://schemas.openxmlformats.org/officeDocument/2006/relationships/hyperlink" Target="http://supplier.ariba.com/" TargetMode="External"/></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1ADCF7-9C94-4AC6-B492-4921FBD9DCBD}">
  <sheetPr>
    <tabColor theme="4" tint="-0.249977111117893"/>
  </sheetPr>
  <dimension ref="C59:AE59"/>
  <sheetViews>
    <sheetView zoomScale="59" zoomScaleNormal="59" workbookViewId="0">
      <selection activeCell="P8" sqref="P8"/>
    </sheetView>
  </sheetViews>
  <sheetFormatPr defaultColWidth="9.140625" defaultRowHeight="15" x14ac:dyDescent="0.25"/>
  <cols>
    <col min="1" max="16384" width="9.140625" style="1"/>
  </cols>
  <sheetData>
    <row r="59" spans="3:31" ht="26.25" x14ac:dyDescent="0.4">
      <c r="C59" s="381" t="s">
        <v>0</v>
      </c>
      <c r="D59" s="382"/>
      <c r="E59" s="382"/>
      <c r="F59" s="382"/>
      <c r="G59" s="382"/>
      <c r="H59" s="382"/>
      <c r="I59" s="382"/>
      <c r="J59" s="382"/>
      <c r="K59" s="382"/>
      <c r="L59" s="382"/>
      <c r="M59" s="382"/>
      <c r="N59" s="382"/>
      <c r="O59" s="382"/>
      <c r="P59" s="382"/>
      <c r="Q59" s="382"/>
      <c r="R59" s="382"/>
      <c r="S59" s="382"/>
      <c r="T59" s="382"/>
      <c r="U59" s="382"/>
      <c r="V59" s="382"/>
      <c r="W59" s="382"/>
      <c r="X59" s="382"/>
      <c r="Y59" s="382"/>
      <c r="Z59" s="382"/>
      <c r="AA59" s="382"/>
      <c r="AB59" s="382"/>
      <c r="AC59" s="382"/>
      <c r="AD59" s="382"/>
      <c r="AE59" s="382"/>
    </row>
  </sheetData>
  <mergeCells count="1">
    <mergeCell ref="C59:AE59"/>
  </mergeCells>
  <pageMargins left="0.7" right="0.7" top="0.75" bottom="0.75" header="0.3" footer="0.3"/>
  <pageSetup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107DF9-770D-49E6-BD6B-5E81D3B2CF29}">
  <sheetPr>
    <tabColor theme="7" tint="-0.249977111117893"/>
  </sheetPr>
  <dimension ref="A1:C50"/>
  <sheetViews>
    <sheetView topLeftCell="A10" zoomScale="85" zoomScaleNormal="85" workbookViewId="0">
      <selection activeCell="A30" sqref="A30"/>
    </sheetView>
  </sheetViews>
  <sheetFormatPr defaultColWidth="9.140625" defaultRowHeight="15" x14ac:dyDescent="0.25"/>
  <cols>
    <col min="1" max="1" width="77" style="3" customWidth="1"/>
    <col min="2" max="2" width="89.7109375" style="3" customWidth="1"/>
    <col min="3" max="3" width="73.28515625" style="3" customWidth="1"/>
    <col min="4" max="16384" width="9.140625" style="3"/>
  </cols>
  <sheetData>
    <row r="1" spans="1:3" s="30" customFormat="1" ht="51.75" customHeight="1" thickBot="1" x14ac:dyDescent="0.3">
      <c r="A1" s="401" t="s">
        <v>473</v>
      </c>
      <c r="B1" s="401"/>
      <c r="C1" s="402"/>
    </row>
    <row r="2" spans="1:3" ht="79.5" thickBot="1" x14ac:dyDescent="0.3">
      <c r="A2" s="266" t="s">
        <v>407</v>
      </c>
      <c r="B2" s="220" t="s">
        <v>28</v>
      </c>
      <c r="C2" s="221" t="s">
        <v>408</v>
      </c>
    </row>
    <row r="3" spans="1:3" s="37" customFormat="1" ht="16.5" thickBot="1" x14ac:dyDescent="0.3">
      <c r="A3" s="222" t="s">
        <v>409</v>
      </c>
      <c r="B3" s="223"/>
      <c r="C3" s="114" t="s">
        <v>211</v>
      </c>
    </row>
    <row r="4" spans="1:3" s="37" customFormat="1" ht="28.5" customHeight="1" thickBot="1" x14ac:dyDescent="0.3">
      <c r="A4" s="224" t="s">
        <v>464</v>
      </c>
      <c r="B4" s="225" t="s">
        <v>410</v>
      </c>
      <c r="C4" s="226" t="s">
        <v>411</v>
      </c>
    </row>
    <row r="5" spans="1:3" s="37" customFormat="1" ht="17.25" customHeight="1" thickBot="1" x14ac:dyDescent="0.3">
      <c r="A5" s="227" t="s">
        <v>55</v>
      </c>
      <c r="B5" s="228" t="s">
        <v>56</v>
      </c>
      <c r="C5" s="229" t="s">
        <v>412</v>
      </c>
    </row>
    <row r="6" spans="1:3" s="37" customFormat="1" ht="14.25" customHeight="1" x14ac:dyDescent="0.25">
      <c r="A6" s="230" t="s">
        <v>465</v>
      </c>
      <c r="B6" s="228" t="s">
        <v>413</v>
      </c>
      <c r="C6" s="229"/>
    </row>
    <row r="7" spans="1:3" s="37" customFormat="1" ht="16.5" thickBot="1" x14ac:dyDescent="0.3">
      <c r="A7" s="231" t="s">
        <v>138</v>
      </c>
      <c r="B7" s="232" t="s">
        <v>414</v>
      </c>
    </row>
    <row r="8" spans="1:3" s="37" customFormat="1" ht="16.5" thickBot="1" x14ac:dyDescent="0.3">
      <c r="A8" s="233" t="s">
        <v>443</v>
      </c>
      <c r="B8" s="270"/>
      <c r="C8" s="271"/>
    </row>
    <row r="9" spans="1:3" s="37" customFormat="1" ht="15.95" customHeight="1" x14ac:dyDescent="0.25">
      <c r="A9" s="243" t="s">
        <v>444</v>
      </c>
      <c r="B9" s="269" t="s">
        <v>415</v>
      </c>
      <c r="C9" s="234" t="s">
        <v>417</v>
      </c>
    </row>
    <row r="10" spans="1:3" s="37" customFormat="1" ht="15" customHeight="1" x14ac:dyDescent="0.25">
      <c r="A10" s="236" t="s">
        <v>420</v>
      </c>
      <c r="B10" s="251"/>
      <c r="C10" s="117"/>
    </row>
    <row r="11" spans="1:3" s="37" customFormat="1" ht="15" customHeight="1" thickBot="1" x14ac:dyDescent="0.3">
      <c r="A11" s="253" t="s">
        <v>421</v>
      </c>
      <c r="B11" s="121"/>
      <c r="C11" s="236"/>
    </row>
    <row r="12" spans="1:3" s="37" customFormat="1" ht="16.5" customHeight="1" x14ac:dyDescent="0.25">
      <c r="A12" s="243" t="s">
        <v>445</v>
      </c>
      <c r="B12" s="237" t="s">
        <v>416</v>
      </c>
      <c r="C12" s="234"/>
    </row>
    <row r="13" spans="1:3" s="37" customFormat="1" ht="15.75" x14ac:dyDescent="0.25">
      <c r="A13" s="236" t="s">
        <v>446</v>
      </c>
      <c r="B13" s="105"/>
      <c r="C13" s="236"/>
    </row>
    <row r="14" spans="1:3" s="37" customFormat="1" ht="15.95" customHeight="1" thickBot="1" x14ac:dyDescent="0.3">
      <c r="A14" s="253" t="s">
        <v>447</v>
      </c>
      <c r="B14" s="235"/>
      <c r="C14" s="115"/>
    </row>
    <row r="15" spans="1:3" s="37" customFormat="1" ht="15" customHeight="1" x14ac:dyDescent="0.25">
      <c r="A15" s="243" t="s">
        <v>418</v>
      </c>
      <c r="B15" s="239" t="s">
        <v>419</v>
      </c>
      <c r="C15" s="240"/>
    </row>
    <row r="16" spans="1:3" s="37" customFormat="1" ht="15" customHeight="1" x14ac:dyDescent="0.25">
      <c r="A16" s="236" t="s">
        <v>420</v>
      </c>
      <c r="B16" s="241"/>
      <c r="C16" s="38"/>
    </row>
    <row r="17" spans="1:3" s="37" customFormat="1" ht="15.75" customHeight="1" thickBot="1" x14ac:dyDescent="0.3">
      <c r="A17" s="253" t="s">
        <v>421</v>
      </c>
      <c r="B17" s="242"/>
      <c r="C17" s="116" t="s">
        <v>417</v>
      </c>
    </row>
    <row r="18" spans="1:3" s="37" customFormat="1" ht="15.75" customHeight="1" x14ac:dyDescent="0.25">
      <c r="A18" s="38" t="s">
        <v>422</v>
      </c>
      <c r="B18" s="244" t="s">
        <v>423</v>
      </c>
      <c r="C18" s="245"/>
    </row>
    <row r="19" spans="1:3" s="37" customFormat="1" ht="15.75" x14ac:dyDescent="0.25">
      <c r="A19" s="267" t="s">
        <v>420</v>
      </c>
      <c r="B19" s="247"/>
      <c r="C19" s="236"/>
    </row>
    <row r="20" spans="1:3" s="37" customFormat="1" ht="15.75" customHeight="1" thickBot="1" x14ac:dyDescent="0.3">
      <c r="A20" s="268" t="s">
        <v>421</v>
      </c>
      <c r="B20" s="249" t="s">
        <v>424</v>
      </c>
      <c r="C20" s="115" t="s">
        <v>417</v>
      </c>
    </row>
    <row r="21" spans="1:3" s="37" customFormat="1" ht="15.75" customHeight="1" thickBot="1" x14ac:dyDescent="0.3">
      <c r="A21" s="250" t="s">
        <v>448</v>
      </c>
      <c r="B21" s="244" t="s">
        <v>426</v>
      </c>
      <c r="C21" s="115" t="s">
        <v>417</v>
      </c>
    </row>
    <row r="22" spans="1:3" s="37" customFormat="1" ht="15.75" customHeight="1" x14ac:dyDescent="0.25">
      <c r="A22" s="246" t="s">
        <v>449</v>
      </c>
      <c r="B22" s="244"/>
      <c r="C22" s="245"/>
    </row>
    <row r="23" spans="1:3" s="37" customFormat="1" ht="15.75" customHeight="1" thickBot="1" x14ac:dyDescent="0.3">
      <c r="A23" s="248" t="s">
        <v>450</v>
      </c>
      <c r="B23" s="244"/>
      <c r="C23" s="245"/>
    </row>
    <row r="24" spans="1:3" s="37" customFormat="1" ht="15.75" customHeight="1" x14ac:dyDescent="0.25">
      <c r="A24" s="250" t="s">
        <v>295</v>
      </c>
      <c r="B24" s="98" t="s">
        <v>425</v>
      </c>
      <c r="C24" s="36"/>
    </row>
    <row r="25" spans="1:3" s="37" customFormat="1" ht="15.75" x14ac:dyDescent="0.25">
      <c r="A25" s="236" t="s">
        <v>420</v>
      </c>
      <c r="B25" s="251"/>
      <c r="C25" s="38"/>
    </row>
    <row r="26" spans="1:3" s="37" customFormat="1" ht="16.5" thickBot="1" x14ac:dyDescent="0.3">
      <c r="A26" s="253" t="s">
        <v>421</v>
      </c>
      <c r="B26" s="99"/>
      <c r="C26" s="116" t="s">
        <v>417</v>
      </c>
    </row>
    <row r="27" spans="1:3" s="37" customFormat="1" ht="15.75" x14ac:dyDescent="0.25">
      <c r="A27" s="243" t="s">
        <v>451</v>
      </c>
      <c r="B27" s="98" t="s">
        <v>92</v>
      </c>
      <c r="C27" s="252"/>
    </row>
    <row r="28" spans="1:3" s="37" customFormat="1" ht="15.75" x14ac:dyDescent="0.25">
      <c r="A28" s="236" t="s">
        <v>449</v>
      </c>
      <c r="B28" s="99"/>
      <c r="C28" s="252"/>
    </row>
    <row r="29" spans="1:3" s="37" customFormat="1" ht="16.5" thickBot="1" x14ac:dyDescent="0.3">
      <c r="A29" s="253" t="s">
        <v>450</v>
      </c>
      <c r="B29" s="121"/>
      <c r="C29" s="252"/>
    </row>
    <row r="30" spans="1:3" s="37" customFormat="1" ht="15.75" x14ac:dyDescent="0.25">
      <c r="A30" s="238" t="s">
        <v>452</v>
      </c>
      <c r="B30" s="254" t="s">
        <v>467</v>
      </c>
      <c r="C30" s="80" t="s">
        <v>468</v>
      </c>
    </row>
    <row r="31" spans="1:3" s="37" customFormat="1" ht="15.75" x14ac:dyDescent="0.25">
      <c r="A31" s="238" t="s">
        <v>453</v>
      </c>
      <c r="B31" s="255" t="s">
        <v>427</v>
      </c>
      <c r="C31" s="80" t="s">
        <v>428</v>
      </c>
    </row>
    <row r="32" spans="1:3" s="37" customFormat="1" ht="15.75" x14ac:dyDescent="0.25">
      <c r="A32" s="256" t="s">
        <v>55</v>
      </c>
      <c r="B32" s="255" t="s">
        <v>56</v>
      </c>
      <c r="C32" s="39"/>
    </row>
    <row r="33" spans="1:3" s="37" customFormat="1" ht="15.75" x14ac:dyDescent="0.25">
      <c r="A33" s="256" t="s">
        <v>454</v>
      </c>
      <c r="B33" s="255" t="s">
        <v>430</v>
      </c>
      <c r="C33" s="257" t="s">
        <v>429</v>
      </c>
    </row>
    <row r="34" spans="1:3" s="258" customFormat="1" ht="15.75" x14ac:dyDescent="0.25">
      <c r="A34" s="256" t="s">
        <v>455</v>
      </c>
      <c r="B34" s="255" t="s">
        <v>432</v>
      </c>
      <c r="C34" s="259" t="s">
        <v>431</v>
      </c>
    </row>
    <row r="35" spans="1:3" s="37" customFormat="1" ht="15.75" x14ac:dyDescent="0.25">
      <c r="A35" s="238" t="s">
        <v>456</v>
      </c>
      <c r="B35" s="255" t="s">
        <v>433</v>
      </c>
      <c r="C35" s="80" t="s">
        <v>428</v>
      </c>
    </row>
    <row r="36" spans="1:3" s="37" customFormat="1" ht="15.75" x14ac:dyDescent="0.25">
      <c r="A36" s="238" t="s">
        <v>434</v>
      </c>
      <c r="B36" s="261" t="s">
        <v>435</v>
      </c>
    </row>
    <row r="37" spans="1:3" s="37" customFormat="1" ht="15.75" x14ac:dyDescent="0.25">
      <c r="A37" s="260" t="s">
        <v>457</v>
      </c>
      <c r="B37" s="255" t="s">
        <v>436</v>
      </c>
      <c r="C37" s="259" t="s">
        <v>431</v>
      </c>
    </row>
    <row r="38" spans="1:3" s="37" customFormat="1" ht="15.75" x14ac:dyDescent="0.25">
      <c r="A38" s="260" t="s">
        <v>458</v>
      </c>
      <c r="B38" s="272" t="s">
        <v>469</v>
      </c>
      <c r="C38" s="259"/>
    </row>
    <row r="39" spans="1:3" s="37" customFormat="1" ht="15.75" x14ac:dyDescent="0.25">
      <c r="A39" s="262" t="s">
        <v>459</v>
      </c>
      <c r="B39" s="272" t="s">
        <v>470</v>
      </c>
      <c r="C39" s="263"/>
    </row>
    <row r="40" spans="1:3" s="37" customFormat="1" ht="15.75" x14ac:dyDescent="0.25">
      <c r="A40" s="262" t="s">
        <v>460</v>
      </c>
      <c r="B40" s="255" t="s">
        <v>471</v>
      </c>
    </row>
    <row r="41" spans="1:3" s="37" customFormat="1" ht="15.75" x14ac:dyDescent="0.25">
      <c r="A41" s="227" t="s">
        <v>461</v>
      </c>
      <c r="B41" s="265" t="s">
        <v>472</v>
      </c>
    </row>
    <row r="42" spans="1:3" s="37" customFormat="1" ht="15.75" x14ac:dyDescent="0.25">
      <c r="A42" s="37" t="s">
        <v>462</v>
      </c>
      <c r="B42" s="255" t="s">
        <v>437</v>
      </c>
      <c r="C42" s="259" t="s">
        <v>438</v>
      </c>
    </row>
    <row r="43" spans="1:3" s="37" customFormat="1" ht="15.75" x14ac:dyDescent="0.25">
      <c r="A43" s="227" t="s">
        <v>236</v>
      </c>
      <c r="B43" s="255"/>
      <c r="C43" s="39"/>
    </row>
    <row r="44" spans="1:3" s="37" customFormat="1" ht="16.5" thickBot="1" x14ac:dyDescent="0.3">
      <c r="A44" s="227" t="s">
        <v>463</v>
      </c>
      <c r="B44" s="264"/>
    </row>
    <row r="45" spans="1:3" s="37" customFormat="1" ht="61.5" customHeight="1" x14ac:dyDescent="0.25">
      <c r="A45" s="388" t="s">
        <v>262</v>
      </c>
      <c r="B45" s="389"/>
      <c r="C45" s="389"/>
    </row>
    <row r="46" spans="1:3" s="37" customFormat="1" ht="54.75" customHeight="1" thickBot="1" x14ac:dyDescent="0.3">
      <c r="A46" s="391" t="s">
        <v>241</v>
      </c>
      <c r="B46" s="392"/>
      <c r="C46" s="392"/>
    </row>
    <row r="47" spans="1:3" s="37" customFormat="1" ht="15.75" x14ac:dyDescent="0.25">
      <c r="B47" s="265"/>
    </row>
    <row r="48" spans="1:3" s="37" customFormat="1" ht="15.75" x14ac:dyDescent="0.25">
      <c r="B48" s="265"/>
    </row>
    <row r="49" spans="2:2" s="37" customFormat="1" ht="15.75" x14ac:dyDescent="0.25">
      <c r="B49" s="265"/>
    </row>
    <row r="50" spans="2:2" s="37" customFormat="1" ht="15.75" x14ac:dyDescent="0.25"/>
  </sheetData>
  <mergeCells count="3">
    <mergeCell ref="A1:C1"/>
    <mergeCell ref="A45:C45"/>
    <mergeCell ref="A46:C46"/>
  </mergeCells>
  <pageMargins left="0.7" right="0.7" top="0.75" bottom="0.75" header="0.3" footer="0.3"/>
  <pageSetup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39FAC1-2CE6-4DB5-AF9B-9C7CD05567AE}">
  <dimension ref="A1:C322"/>
  <sheetViews>
    <sheetView topLeftCell="A6" workbookViewId="0">
      <selection activeCell="B9" sqref="B9"/>
    </sheetView>
  </sheetViews>
  <sheetFormatPr defaultRowHeight="15" x14ac:dyDescent="0.25"/>
  <cols>
    <col min="1" max="1" width="102.7109375" customWidth="1"/>
    <col min="2" max="2" width="93.140625" customWidth="1"/>
    <col min="3" max="3" width="141.7109375" customWidth="1"/>
  </cols>
  <sheetData>
    <row r="1" spans="1:3" s="30" customFormat="1" ht="51.75" customHeight="1" thickBot="1" x14ac:dyDescent="0.3">
      <c r="A1" s="401" t="s">
        <v>719</v>
      </c>
      <c r="B1" s="401"/>
      <c r="C1" s="402"/>
    </row>
    <row r="2" spans="1:3" s="3" customFormat="1" ht="42.75" customHeight="1" thickBot="1" x14ac:dyDescent="0.3">
      <c r="A2" s="284" t="s">
        <v>407</v>
      </c>
      <c r="B2" s="285" t="s">
        <v>28</v>
      </c>
      <c r="C2" s="221"/>
    </row>
    <row r="3" spans="1:3" ht="15.75" thickBot="1" x14ac:dyDescent="0.3">
      <c r="A3" s="195"/>
      <c r="B3" s="195"/>
    </row>
    <row r="4" spans="1:3" ht="30.75" thickBot="1" x14ac:dyDescent="0.3">
      <c r="A4" s="275" t="s">
        <v>476</v>
      </c>
      <c r="B4" s="286" t="s">
        <v>680</v>
      </c>
    </row>
    <row r="5" spans="1:3" ht="30.75" thickBot="1" x14ac:dyDescent="0.3">
      <c r="A5" s="275" t="s">
        <v>477</v>
      </c>
      <c r="B5" s="286" t="s">
        <v>681</v>
      </c>
    </row>
    <row r="6" spans="1:3" ht="77.25" customHeight="1" thickBot="1" x14ac:dyDescent="0.3">
      <c r="A6" s="275" t="s">
        <v>498</v>
      </c>
      <c r="B6" s="286" t="s">
        <v>682</v>
      </c>
    </row>
    <row r="7" spans="1:3" ht="15.75" thickBot="1" x14ac:dyDescent="0.3">
      <c r="A7" s="278" t="s">
        <v>499</v>
      </c>
      <c r="B7" s="195"/>
    </row>
    <row r="8" spans="1:3" ht="15.75" thickBot="1" x14ac:dyDescent="0.3">
      <c r="A8" s="277" t="s">
        <v>500</v>
      </c>
      <c r="B8" s="287" t="s">
        <v>683</v>
      </c>
    </row>
    <row r="9" spans="1:3" x14ac:dyDescent="0.25">
      <c r="A9" s="281" t="s">
        <v>501</v>
      </c>
      <c r="B9" s="282"/>
    </row>
    <row r="10" spans="1:3" x14ac:dyDescent="0.25">
      <c r="A10" s="278" t="s">
        <v>502</v>
      </c>
      <c r="B10" s="195"/>
    </row>
    <row r="11" spans="1:3" x14ac:dyDescent="0.25">
      <c r="A11" s="278" t="s">
        <v>503</v>
      </c>
      <c r="B11" s="274" t="s">
        <v>684</v>
      </c>
    </row>
    <row r="12" spans="1:3" x14ac:dyDescent="0.25">
      <c r="A12" s="278" t="s">
        <v>504</v>
      </c>
      <c r="B12" s="195"/>
    </row>
    <row r="13" spans="1:3" x14ac:dyDescent="0.25">
      <c r="A13" s="278" t="s">
        <v>505</v>
      </c>
      <c r="B13" s="195"/>
    </row>
    <row r="14" spans="1:3" x14ac:dyDescent="0.25">
      <c r="A14" s="278" t="s">
        <v>506</v>
      </c>
      <c r="B14" s="195"/>
    </row>
    <row r="15" spans="1:3" x14ac:dyDescent="0.25">
      <c r="A15" s="278" t="s">
        <v>504</v>
      </c>
      <c r="B15" s="195"/>
    </row>
    <row r="16" spans="1:3" ht="15.75" thickBot="1" x14ac:dyDescent="0.3">
      <c r="A16" s="280" t="s">
        <v>507</v>
      </c>
      <c r="B16" s="195"/>
    </row>
    <row r="17" spans="1:2" x14ac:dyDescent="0.25">
      <c r="A17" s="278" t="s">
        <v>508</v>
      </c>
      <c r="B17" s="289" t="s">
        <v>685</v>
      </c>
    </row>
    <row r="18" spans="1:2" x14ac:dyDescent="0.25">
      <c r="A18" s="278" t="s">
        <v>502</v>
      </c>
      <c r="B18" s="195"/>
    </row>
    <row r="19" spans="1:2" x14ac:dyDescent="0.25">
      <c r="A19" s="278" t="s">
        <v>509</v>
      </c>
      <c r="B19" s="290" t="s">
        <v>686</v>
      </c>
    </row>
    <row r="20" spans="1:2" x14ac:dyDescent="0.25">
      <c r="A20" s="278" t="s">
        <v>504</v>
      </c>
      <c r="B20" s="195"/>
    </row>
    <row r="21" spans="1:2" x14ac:dyDescent="0.25">
      <c r="A21" s="278" t="s">
        <v>510</v>
      </c>
      <c r="B21" s="195"/>
    </row>
    <row r="22" spans="1:2" x14ac:dyDescent="0.25">
      <c r="A22" s="278" t="s">
        <v>511</v>
      </c>
      <c r="B22" s="195"/>
    </row>
    <row r="23" spans="1:2" x14ac:dyDescent="0.25">
      <c r="A23" s="278" t="s">
        <v>512</v>
      </c>
      <c r="B23" s="195"/>
    </row>
    <row r="24" spans="1:2" x14ac:dyDescent="0.25">
      <c r="A24" s="278" t="s">
        <v>513</v>
      </c>
      <c r="B24" s="195"/>
    </row>
    <row r="25" spans="1:2" x14ac:dyDescent="0.25">
      <c r="A25" s="278" t="s">
        <v>514</v>
      </c>
      <c r="B25" s="195"/>
    </row>
    <row r="26" spans="1:2" x14ac:dyDescent="0.25">
      <c r="A26" s="278" t="s">
        <v>515</v>
      </c>
      <c r="B26" s="195"/>
    </row>
    <row r="27" spans="1:2" x14ac:dyDescent="0.25">
      <c r="A27" s="278" t="s">
        <v>516</v>
      </c>
      <c r="B27" s="195"/>
    </row>
    <row r="28" spans="1:2" x14ac:dyDescent="0.25">
      <c r="A28" s="278" t="s">
        <v>517</v>
      </c>
      <c r="B28" s="195"/>
    </row>
    <row r="29" spans="1:2" x14ac:dyDescent="0.25">
      <c r="A29" s="278" t="s">
        <v>518</v>
      </c>
      <c r="B29" s="195"/>
    </row>
    <row r="30" spans="1:2" x14ac:dyDescent="0.25">
      <c r="A30" s="278" t="s">
        <v>519</v>
      </c>
      <c r="B30" s="195"/>
    </row>
    <row r="31" spans="1:2" x14ac:dyDescent="0.25">
      <c r="A31" s="278" t="s">
        <v>520</v>
      </c>
      <c r="B31" s="195"/>
    </row>
    <row r="32" spans="1:2" x14ac:dyDescent="0.25">
      <c r="A32" s="278" t="s">
        <v>521</v>
      </c>
      <c r="B32" s="195"/>
    </row>
    <row r="33" spans="1:2" x14ac:dyDescent="0.25">
      <c r="A33" s="278" t="s">
        <v>522</v>
      </c>
      <c r="B33" s="195"/>
    </row>
    <row r="34" spans="1:2" x14ac:dyDescent="0.25">
      <c r="A34" s="278" t="s">
        <v>523</v>
      </c>
      <c r="B34" s="195"/>
    </row>
    <row r="35" spans="1:2" x14ac:dyDescent="0.25">
      <c r="A35" s="278" t="s">
        <v>524</v>
      </c>
      <c r="B35" s="195"/>
    </row>
    <row r="36" spans="1:2" x14ac:dyDescent="0.25">
      <c r="A36" s="278" t="s">
        <v>525</v>
      </c>
      <c r="B36" s="195"/>
    </row>
    <row r="37" spans="1:2" x14ac:dyDescent="0.25">
      <c r="A37" s="278" t="s">
        <v>526</v>
      </c>
      <c r="B37" s="195"/>
    </row>
    <row r="38" spans="1:2" x14ac:dyDescent="0.25">
      <c r="A38" s="278" t="s">
        <v>527</v>
      </c>
      <c r="B38" s="195"/>
    </row>
    <row r="39" spans="1:2" ht="15.75" thickBot="1" x14ac:dyDescent="0.3">
      <c r="A39" s="280" t="s">
        <v>528</v>
      </c>
      <c r="B39" s="288"/>
    </row>
    <row r="40" spans="1:2" x14ac:dyDescent="0.25">
      <c r="A40" s="278" t="s">
        <v>529</v>
      </c>
      <c r="B40" s="195"/>
    </row>
    <row r="41" spans="1:2" x14ac:dyDescent="0.25">
      <c r="A41" s="278" t="s">
        <v>530</v>
      </c>
      <c r="B41" s="290" t="s">
        <v>687</v>
      </c>
    </row>
    <row r="42" spans="1:2" x14ac:dyDescent="0.25">
      <c r="A42" s="278" t="s">
        <v>531</v>
      </c>
      <c r="B42" s="195"/>
    </row>
    <row r="43" spans="1:2" x14ac:dyDescent="0.25">
      <c r="A43" s="278" t="s">
        <v>504</v>
      </c>
      <c r="B43" s="195"/>
    </row>
    <row r="44" spans="1:2" x14ac:dyDescent="0.25">
      <c r="A44" s="278" t="s">
        <v>532</v>
      </c>
      <c r="B44" s="195"/>
    </row>
    <row r="45" spans="1:2" ht="15.75" thickBot="1" x14ac:dyDescent="0.3">
      <c r="A45" s="278" t="s">
        <v>533</v>
      </c>
      <c r="B45" s="195"/>
    </row>
    <row r="46" spans="1:2" ht="15.75" thickBot="1" x14ac:dyDescent="0.3">
      <c r="A46" s="281" t="s">
        <v>534</v>
      </c>
      <c r="B46" s="282"/>
    </row>
    <row r="47" spans="1:2" ht="36" customHeight="1" thickBot="1" x14ac:dyDescent="0.3">
      <c r="A47" s="275" t="s">
        <v>535</v>
      </c>
      <c r="B47" s="291" t="s">
        <v>689</v>
      </c>
    </row>
    <row r="48" spans="1:2" x14ac:dyDescent="0.25">
      <c r="A48" s="278" t="s">
        <v>536</v>
      </c>
      <c r="B48" s="173"/>
    </row>
    <row r="49" spans="1:2" x14ac:dyDescent="0.25">
      <c r="A49" s="278" t="s">
        <v>537</v>
      </c>
      <c r="B49" s="195"/>
    </row>
    <row r="50" spans="1:2" ht="15.75" thickBot="1" x14ac:dyDescent="0.3">
      <c r="A50" s="278" t="s">
        <v>538</v>
      </c>
      <c r="B50" s="290" t="s">
        <v>690</v>
      </c>
    </row>
    <row r="51" spans="1:2" x14ac:dyDescent="0.25">
      <c r="A51" s="277" t="s">
        <v>539</v>
      </c>
      <c r="B51" s="173"/>
    </row>
    <row r="52" spans="1:2" x14ac:dyDescent="0.25">
      <c r="A52" s="278" t="s">
        <v>540</v>
      </c>
      <c r="B52" s="195"/>
    </row>
    <row r="53" spans="1:2" ht="15.75" thickBot="1" x14ac:dyDescent="0.3">
      <c r="A53" s="278" t="s">
        <v>541</v>
      </c>
      <c r="B53" s="195"/>
    </row>
    <row r="54" spans="1:2" x14ac:dyDescent="0.25">
      <c r="A54" s="277" t="s">
        <v>542</v>
      </c>
      <c r="B54" s="176" t="s">
        <v>691</v>
      </c>
    </row>
    <row r="55" spans="1:2" x14ac:dyDescent="0.25">
      <c r="A55" s="278" t="s">
        <v>543</v>
      </c>
      <c r="B55" s="195"/>
    </row>
    <row r="56" spans="1:2" x14ac:dyDescent="0.25">
      <c r="A56" s="278" t="s">
        <v>544</v>
      </c>
      <c r="B56" s="195"/>
    </row>
    <row r="57" spans="1:2" x14ac:dyDescent="0.25">
      <c r="A57" s="278" t="s">
        <v>545</v>
      </c>
      <c r="B57" s="195"/>
    </row>
    <row r="58" spans="1:2" x14ac:dyDescent="0.25">
      <c r="A58" s="278" t="s">
        <v>546</v>
      </c>
      <c r="B58" s="195"/>
    </row>
    <row r="59" spans="1:2" x14ac:dyDescent="0.25">
      <c r="A59" s="278" t="s">
        <v>547</v>
      </c>
      <c r="B59" s="195"/>
    </row>
    <row r="60" spans="1:2" x14ac:dyDescent="0.25">
      <c r="A60" s="278" t="s">
        <v>548</v>
      </c>
      <c r="B60" s="195"/>
    </row>
    <row r="61" spans="1:2" x14ac:dyDescent="0.25">
      <c r="A61" s="278" t="s">
        <v>549</v>
      </c>
      <c r="B61" s="195"/>
    </row>
    <row r="62" spans="1:2" x14ac:dyDescent="0.25">
      <c r="A62" s="278" t="s">
        <v>550</v>
      </c>
      <c r="B62" s="195"/>
    </row>
    <row r="63" spans="1:2" x14ac:dyDescent="0.25">
      <c r="A63" s="278" t="s">
        <v>551</v>
      </c>
      <c r="B63" s="195"/>
    </row>
    <row r="64" spans="1:2" x14ac:dyDescent="0.25">
      <c r="A64" s="278" t="s">
        <v>552</v>
      </c>
      <c r="B64" s="195"/>
    </row>
    <row r="65" spans="1:2" x14ac:dyDescent="0.25">
      <c r="A65" s="278" t="s">
        <v>553</v>
      </c>
      <c r="B65" s="195"/>
    </row>
    <row r="66" spans="1:2" x14ac:dyDescent="0.25">
      <c r="A66" s="278" t="s">
        <v>554</v>
      </c>
      <c r="B66" s="290" t="s">
        <v>692</v>
      </c>
    </row>
    <row r="67" spans="1:2" ht="15.75" thickBot="1" x14ac:dyDescent="0.3">
      <c r="A67" s="278" t="s">
        <v>555</v>
      </c>
      <c r="B67" s="195"/>
    </row>
    <row r="68" spans="1:2" x14ac:dyDescent="0.25">
      <c r="A68" s="277" t="s">
        <v>556</v>
      </c>
      <c r="B68" s="176" t="s">
        <v>693</v>
      </c>
    </row>
    <row r="69" spans="1:2" x14ac:dyDescent="0.25">
      <c r="A69" s="278" t="s">
        <v>557</v>
      </c>
      <c r="B69" s="195"/>
    </row>
    <row r="70" spans="1:2" x14ac:dyDescent="0.25">
      <c r="A70" s="278" t="s">
        <v>558</v>
      </c>
      <c r="B70" s="195"/>
    </row>
    <row r="71" spans="1:2" x14ac:dyDescent="0.25">
      <c r="A71" s="278" t="s">
        <v>559</v>
      </c>
      <c r="B71" s="195"/>
    </row>
    <row r="72" spans="1:2" x14ac:dyDescent="0.25">
      <c r="A72" s="278" t="s">
        <v>560</v>
      </c>
      <c r="B72" s="195"/>
    </row>
    <row r="73" spans="1:2" x14ac:dyDescent="0.25">
      <c r="A73" s="278" t="s">
        <v>561</v>
      </c>
      <c r="B73" s="195"/>
    </row>
    <row r="74" spans="1:2" x14ac:dyDescent="0.25">
      <c r="A74" s="278" t="s">
        <v>548</v>
      </c>
      <c r="B74" s="195"/>
    </row>
    <row r="75" spans="1:2" x14ac:dyDescent="0.25">
      <c r="A75" s="278" t="s">
        <v>562</v>
      </c>
      <c r="B75" s="195"/>
    </row>
    <row r="76" spans="1:2" x14ac:dyDescent="0.25">
      <c r="A76" s="278" t="s">
        <v>563</v>
      </c>
      <c r="B76" s="195"/>
    </row>
    <row r="77" spans="1:2" x14ac:dyDescent="0.25">
      <c r="A77" s="278" t="s">
        <v>551</v>
      </c>
      <c r="B77" s="195"/>
    </row>
    <row r="78" spans="1:2" x14ac:dyDescent="0.25">
      <c r="A78" s="278" t="s">
        <v>552</v>
      </c>
      <c r="B78" s="195"/>
    </row>
    <row r="79" spans="1:2" x14ac:dyDescent="0.25">
      <c r="A79" s="278" t="s">
        <v>564</v>
      </c>
      <c r="B79" s="195"/>
    </row>
    <row r="80" spans="1:2" x14ac:dyDescent="0.25">
      <c r="A80" s="278" t="s">
        <v>565</v>
      </c>
      <c r="B80" s="195"/>
    </row>
    <row r="81" spans="1:2" x14ac:dyDescent="0.25">
      <c r="A81" s="278" t="s">
        <v>566</v>
      </c>
      <c r="B81" s="195"/>
    </row>
    <row r="82" spans="1:2" x14ac:dyDescent="0.25">
      <c r="A82" s="278" t="s">
        <v>567</v>
      </c>
      <c r="B82" s="195"/>
    </row>
    <row r="83" spans="1:2" x14ac:dyDescent="0.25">
      <c r="A83" s="278" t="s">
        <v>568</v>
      </c>
      <c r="B83" s="195"/>
    </row>
    <row r="84" spans="1:2" x14ac:dyDescent="0.25">
      <c r="A84" s="278" t="s">
        <v>569</v>
      </c>
      <c r="B84" s="195"/>
    </row>
    <row r="85" spans="1:2" x14ac:dyDescent="0.25">
      <c r="A85" s="278" t="s">
        <v>570</v>
      </c>
      <c r="B85" s="195"/>
    </row>
    <row r="86" spans="1:2" x14ac:dyDescent="0.25">
      <c r="A86" s="278" t="s">
        <v>571</v>
      </c>
      <c r="B86" s="195"/>
    </row>
    <row r="87" spans="1:2" x14ac:dyDescent="0.25">
      <c r="A87" s="278" t="s">
        <v>565</v>
      </c>
      <c r="B87" s="195"/>
    </row>
    <row r="88" spans="1:2" x14ac:dyDescent="0.25">
      <c r="A88" s="278" t="s">
        <v>566</v>
      </c>
      <c r="B88" s="195"/>
    </row>
    <row r="89" spans="1:2" x14ac:dyDescent="0.25">
      <c r="A89" s="278" t="s">
        <v>567</v>
      </c>
      <c r="B89" s="195"/>
    </row>
    <row r="90" spans="1:2" x14ac:dyDescent="0.25">
      <c r="A90" s="278" t="s">
        <v>568</v>
      </c>
      <c r="B90" s="195"/>
    </row>
    <row r="91" spans="1:2" x14ac:dyDescent="0.25">
      <c r="A91" s="278" t="s">
        <v>569</v>
      </c>
      <c r="B91" s="195"/>
    </row>
    <row r="92" spans="1:2" x14ac:dyDescent="0.25">
      <c r="A92" s="278" t="s">
        <v>572</v>
      </c>
      <c r="B92" s="195"/>
    </row>
    <row r="93" spans="1:2" x14ac:dyDescent="0.25">
      <c r="A93" s="278" t="s">
        <v>553</v>
      </c>
      <c r="B93" s="195"/>
    </row>
    <row r="94" spans="1:2" x14ac:dyDescent="0.25">
      <c r="A94" s="278" t="s">
        <v>573</v>
      </c>
      <c r="B94" s="195"/>
    </row>
    <row r="95" spans="1:2" ht="15.75" thickBot="1" x14ac:dyDescent="0.3">
      <c r="A95" s="278" t="s">
        <v>574</v>
      </c>
      <c r="B95" s="196"/>
    </row>
    <row r="96" spans="1:2" x14ac:dyDescent="0.25">
      <c r="A96" s="277" t="s">
        <v>575</v>
      </c>
      <c r="B96" s="290" t="s">
        <v>694</v>
      </c>
    </row>
    <row r="97" spans="1:2" x14ac:dyDescent="0.25">
      <c r="A97" s="278" t="s">
        <v>576</v>
      </c>
      <c r="B97" s="195"/>
    </row>
    <row r="98" spans="1:2" x14ac:dyDescent="0.25">
      <c r="A98" s="278" t="s">
        <v>558</v>
      </c>
      <c r="B98" s="195"/>
    </row>
    <row r="99" spans="1:2" x14ac:dyDescent="0.25">
      <c r="A99" s="278" t="s">
        <v>559</v>
      </c>
      <c r="B99" s="195"/>
    </row>
    <row r="100" spans="1:2" x14ac:dyDescent="0.25">
      <c r="A100" s="278" t="s">
        <v>560</v>
      </c>
      <c r="B100" s="195"/>
    </row>
    <row r="101" spans="1:2" x14ac:dyDescent="0.25">
      <c r="A101" s="278" t="s">
        <v>561</v>
      </c>
      <c r="B101" s="195"/>
    </row>
    <row r="102" spans="1:2" x14ac:dyDescent="0.25">
      <c r="A102" s="278" t="s">
        <v>562</v>
      </c>
      <c r="B102" s="195"/>
    </row>
    <row r="103" spans="1:2" x14ac:dyDescent="0.25">
      <c r="A103" s="278" t="s">
        <v>563</v>
      </c>
      <c r="B103" s="195"/>
    </row>
    <row r="104" spans="1:2" x14ac:dyDescent="0.25">
      <c r="A104" s="278" t="s">
        <v>551</v>
      </c>
      <c r="B104" s="195"/>
    </row>
    <row r="105" spans="1:2" x14ac:dyDescent="0.25">
      <c r="A105" s="278" t="s">
        <v>552</v>
      </c>
      <c r="B105" s="195"/>
    </row>
    <row r="106" spans="1:2" x14ac:dyDescent="0.25">
      <c r="A106" s="278" t="s">
        <v>564</v>
      </c>
      <c r="B106" s="195"/>
    </row>
    <row r="107" spans="1:2" x14ac:dyDescent="0.25">
      <c r="A107" s="278" t="s">
        <v>565</v>
      </c>
      <c r="B107" s="195"/>
    </row>
    <row r="108" spans="1:2" x14ac:dyDescent="0.25">
      <c r="A108" s="278" t="s">
        <v>566</v>
      </c>
      <c r="B108" s="195"/>
    </row>
    <row r="109" spans="1:2" x14ac:dyDescent="0.25">
      <c r="A109" s="278" t="s">
        <v>567</v>
      </c>
      <c r="B109" s="195"/>
    </row>
    <row r="110" spans="1:2" x14ac:dyDescent="0.25">
      <c r="A110" s="278" t="s">
        <v>568</v>
      </c>
      <c r="B110" s="195"/>
    </row>
    <row r="111" spans="1:2" x14ac:dyDescent="0.25">
      <c r="A111" s="278" t="s">
        <v>569</v>
      </c>
      <c r="B111" s="195"/>
    </row>
    <row r="112" spans="1:2" x14ac:dyDescent="0.25">
      <c r="A112" s="278" t="s">
        <v>570</v>
      </c>
      <c r="B112" s="195"/>
    </row>
    <row r="113" spans="1:2" x14ac:dyDescent="0.25">
      <c r="A113" s="278" t="s">
        <v>571</v>
      </c>
      <c r="B113" s="195"/>
    </row>
    <row r="114" spans="1:2" x14ac:dyDescent="0.25">
      <c r="A114" s="278" t="s">
        <v>565</v>
      </c>
      <c r="B114" s="195"/>
    </row>
    <row r="115" spans="1:2" x14ac:dyDescent="0.25">
      <c r="A115" s="278" t="s">
        <v>566</v>
      </c>
      <c r="B115" s="195"/>
    </row>
    <row r="116" spans="1:2" x14ac:dyDescent="0.25">
      <c r="A116" s="278" t="s">
        <v>567</v>
      </c>
      <c r="B116" s="195"/>
    </row>
    <row r="117" spans="1:2" x14ac:dyDescent="0.25">
      <c r="A117" s="278" t="s">
        <v>568</v>
      </c>
      <c r="B117" s="195"/>
    </row>
    <row r="118" spans="1:2" x14ac:dyDescent="0.25">
      <c r="A118" s="278" t="s">
        <v>569</v>
      </c>
      <c r="B118" s="195"/>
    </row>
    <row r="119" spans="1:2" x14ac:dyDescent="0.25">
      <c r="A119" s="278" t="s">
        <v>572</v>
      </c>
      <c r="B119" s="195"/>
    </row>
    <row r="120" spans="1:2" x14ac:dyDescent="0.25">
      <c r="A120" s="278" t="s">
        <v>553</v>
      </c>
      <c r="B120" s="195"/>
    </row>
    <row r="121" spans="1:2" x14ac:dyDescent="0.25">
      <c r="A121" s="278" t="s">
        <v>577</v>
      </c>
      <c r="B121" s="195"/>
    </row>
    <row r="122" spans="1:2" ht="15.75" thickBot="1" x14ac:dyDescent="0.3">
      <c r="A122" s="278" t="s">
        <v>578</v>
      </c>
      <c r="B122" s="196"/>
    </row>
    <row r="123" spans="1:2" x14ac:dyDescent="0.25">
      <c r="A123" s="277" t="s">
        <v>579</v>
      </c>
      <c r="B123" s="290" t="s">
        <v>695</v>
      </c>
    </row>
    <row r="124" spans="1:2" x14ac:dyDescent="0.25">
      <c r="A124" s="278" t="s">
        <v>580</v>
      </c>
      <c r="B124" s="195"/>
    </row>
    <row r="125" spans="1:2" x14ac:dyDescent="0.25">
      <c r="A125" s="278" t="s">
        <v>581</v>
      </c>
      <c r="B125" s="195"/>
    </row>
    <row r="126" spans="1:2" x14ac:dyDescent="0.25">
      <c r="A126" s="278" t="s">
        <v>582</v>
      </c>
      <c r="B126" s="195"/>
    </row>
    <row r="127" spans="1:2" ht="15.75" thickBot="1" x14ac:dyDescent="0.3">
      <c r="A127" s="278" t="s">
        <v>583</v>
      </c>
      <c r="B127" s="195"/>
    </row>
    <row r="128" spans="1:2" x14ac:dyDescent="0.25">
      <c r="A128" s="277" t="s">
        <v>584</v>
      </c>
      <c r="B128" s="176" t="s">
        <v>696</v>
      </c>
    </row>
    <row r="129" spans="1:2" x14ac:dyDescent="0.25">
      <c r="A129" s="278" t="s">
        <v>585</v>
      </c>
      <c r="B129" s="195"/>
    </row>
    <row r="130" spans="1:2" x14ac:dyDescent="0.25">
      <c r="A130" s="278" t="s">
        <v>586</v>
      </c>
      <c r="B130" s="195"/>
    </row>
    <row r="131" spans="1:2" x14ac:dyDescent="0.25">
      <c r="A131" s="278" t="s">
        <v>582</v>
      </c>
      <c r="B131" s="195"/>
    </row>
    <row r="132" spans="1:2" x14ac:dyDescent="0.25">
      <c r="A132" s="278" t="s">
        <v>587</v>
      </c>
      <c r="B132" s="195"/>
    </row>
    <row r="133" spans="1:2" x14ac:dyDescent="0.25">
      <c r="A133" s="278" t="s">
        <v>584</v>
      </c>
      <c r="B133" s="195"/>
    </row>
    <row r="134" spans="1:2" x14ac:dyDescent="0.25">
      <c r="A134" s="278" t="s">
        <v>588</v>
      </c>
      <c r="B134" s="195"/>
    </row>
    <row r="135" spans="1:2" x14ac:dyDescent="0.25">
      <c r="A135" s="278" t="s">
        <v>589</v>
      </c>
      <c r="B135" s="195"/>
    </row>
    <row r="136" spans="1:2" x14ac:dyDescent="0.25">
      <c r="A136" s="278" t="s">
        <v>582</v>
      </c>
      <c r="B136" s="195"/>
    </row>
    <row r="137" spans="1:2" ht="15.75" thickBot="1" x14ac:dyDescent="0.3">
      <c r="A137" s="279" t="s">
        <v>587</v>
      </c>
      <c r="B137" s="196"/>
    </row>
    <row r="138" spans="1:2" x14ac:dyDescent="0.25">
      <c r="A138" s="278" t="s">
        <v>590</v>
      </c>
      <c r="B138" s="290" t="s">
        <v>73</v>
      </c>
    </row>
    <row r="139" spans="1:2" x14ac:dyDescent="0.25">
      <c r="A139" s="278" t="s">
        <v>591</v>
      </c>
      <c r="B139" s="195"/>
    </row>
    <row r="140" spans="1:2" x14ac:dyDescent="0.25">
      <c r="A140" s="278" t="s">
        <v>592</v>
      </c>
      <c r="B140" s="195"/>
    </row>
    <row r="141" spans="1:2" x14ac:dyDescent="0.25">
      <c r="A141" s="278" t="s">
        <v>593</v>
      </c>
      <c r="B141" s="195"/>
    </row>
    <row r="142" spans="1:2" ht="15.75" thickBot="1" x14ac:dyDescent="0.3">
      <c r="A142" s="278" t="s">
        <v>594</v>
      </c>
      <c r="B142" s="195"/>
    </row>
    <row r="143" spans="1:2" x14ac:dyDescent="0.25">
      <c r="A143" s="277" t="s">
        <v>595</v>
      </c>
      <c r="B143" s="176" t="s">
        <v>697</v>
      </c>
    </row>
    <row r="144" spans="1:2" x14ac:dyDescent="0.25">
      <c r="A144" s="278" t="s">
        <v>512</v>
      </c>
      <c r="B144" s="290" t="s">
        <v>97</v>
      </c>
    </row>
    <row r="145" spans="1:2" x14ac:dyDescent="0.25">
      <c r="A145" s="278" t="s">
        <v>513</v>
      </c>
      <c r="B145" s="195"/>
    </row>
    <row r="146" spans="1:2" x14ac:dyDescent="0.25">
      <c r="A146" s="278" t="s">
        <v>514</v>
      </c>
      <c r="B146" s="195"/>
    </row>
    <row r="147" spans="1:2" x14ac:dyDescent="0.25">
      <c r="A147" s="278" t="s">
        <v>515</v>
      </c>
      <c r="B147" s="195"/>
    </row>
    <row r="148" spans="1:2" x14ac:dyDescent="0.25">
      <c r="A148" s="278" t="s">
        <v>596</v>
      </c>
      <c r="B148" s="195"/>
    </row>
    <row r="149" spans="1:2" x14ac:dyDescent="0.25">
      <c r="A149" s="278" t="s">
        <v>597</v>
      </c>
      <c r="B149" s="195"/>
    </row>
    <row r="150" spans="1:2" x14ac:dyDescent="0.25">
      <c r="A150" s="278" t="s">
        <v>598</v>
      </c>
      <c r="B150" s="195"/>
    </row>
    <row r="151" spans="1:2" x14ac:dyDescent="0.25">
      <c r="A151" s="278" t="s">
        <v>599</v>
      </c>
      <c r="B151" s="195"/>
    </row>
    <row r="152" spans="1:2" x14ac:dyDescent="0.25">
      <c r="A152" s="278" t="s">
        <v>517</v>
      </c>
      <c r="B152" s="195"/>
    </row>
    <row r="153" spans="1:2" x14ac:dyDescent="0.25">
      <c r="A153" s="278" t="s">
        <v>600</v>
      </c>
      <c r="B153" s="195"/>
    </row>
    <row r="154" spans="1:2" x14ac:dyDescent="0.25">
      <c r="A154" s="278" t="s">
        <v>601</v>
      </c>
      <c r="B154" s="195"/>
    </row>
    <row r="155" spans="1:2" x14ac:dyDescent="0.25">
      <c r="A155" s="278" t="s">
        <v>520</v>
      </c>
      <c r="B155" s="195"/>
    </row>
    <row r="156" spans="1:2" x14ac:dyDescent="0.25">
      <c r="A156" s="278" t="s">
        <v>521</v>
      </c>
      <c r="B156" s="195"/>
    </row>
    <row r="157" spans="1:2" x14ac:dyDescent="0.25">
      <c r="A157" s="278" t="s">
        <v>522</v>
      </c>
      <c r="B157" s="195"/>
    </row>
    <row r="158" spans="1:2" x14ac:dyDescent="0.25">
      <c r="A158" s="278" t="s">
        <v>602</v>
      </c>
      <c r="B158" s="195"/>
    </row>
    <row r="159" spans="1:2" x14ac:dyDescent="0.25">
      <c r="A159" s="278" t="s">
        <v>524</v>
      </c>
      <c r="B159" s="195"/>
    </row>
    <row r="160" spans="1:2" x14ac:dyDescent="0.25">
      <c r="A160" s="278" t="s">
        <v>603</v>
      </c>
      <c r="B160" s="195"/>
    </row>
    <row r="161" spans="1:2" x14ac:dyDescent="0.25">
      <c r="A161" s="278" t="s">
        <v>604</v>
      </c>
      <c r="B161" s="195"/>
    </row>
    <row r="162" spans="1:2" x14ac:dyDescent="0.25">
      <c r="A162" s="278" t="s">
        <v>520</v>
      </c>
      <c r="B162" s="195"/>
    </row>
    <row r="163" spans="1:2" x14ac:dyDescent="0.25">
      <c r="A163" s="278" t="s">
        <v>521</v>
      </c>
      <c r="B163" s="195"/>
    </row>
    <row r="164" spans="1:2" x14ac:dyDescent="0.25">
      <c r="A164" s="278" t="s">
        <v>522</v>
      </c>
      <c r="B164" s="195"/>
    </row>
    <row r="165" spans="1:2" x14ac:dyDescent="0.25">
      <c r="A165" s="278" t="s">
        <v>523</v>
      </c>
      <c r="B165" s="195"/>
    </row>
    <row r="166" spans="1:2" x14ac:dyDescent="0.25">
      <c r="A166" s="278" t="s">
        <v>524</v>
      </c>
      <c r="B166" s="195"/>
    </row>
    <row r="167" spans="1:2" x14ac:dyDescent="0.25">
      <c r="A167" s="278" t="s">
        <v>525</v>
      </c>
      <c r="B167" s="195"/>
    </row>
    <row r="168" spans="1:2" x14ac:dyDescent="0.25">
      <c r="A168" s="278" t="s">
        <v>605</v>
      </c>
      <c r="B168" s="195"/>
    </row>
    <row r="169" spans="1:2" x14ac:dyDescent="0.25">
      <c r="A169" s="278" t="s">
        <v>526</v>
      </c>
      <c r="B169" s="195"/>
    </row>
    <row r="170" spans="1:2" x14ac:dyDescent="0.25">
      <c r="A170" s="278" t="s">
        <v>606</v>
      </c>
      <c r="B170" s="195"/>
    </row>
    <row r="171" spans="1:2" x14ac:dyDescent="0.25">
      <c r="A171" s="278" t="s">
        <v>607</v>
      </c>
      <c r="B171" s="195"/>
    </row>
    <row r="172" spans="1:2" x14ac:dyDescent="0.25">
      <c r="A172" s="278" t="s">
        <v>608</v>
      </c>
      <c r="B172" s="195"/>
    </row>
    <row r="173" spans="1:2" x14ac:dyDescent="0.25">
      <c r="A173" s="278" t="s">
        <v>609</v>
      </c>
      <c r="B173" s="195"/>
    </row>
    <row r="174" spans="1:2" x14ac:dyDescent="0.25">
      <c r="A174" s="278" t="s">
        <v>526</v>
      </c>
      <c r="B174" s="195"/>
    </row>
    <row r="175" spans="1:2" x14ac:dyDescent="0.25">
      <c r="A175" s="278" t="s">
        <v>606</v>
      </c>
      <c r="B175" s="195"/>
    </row>
    <row r="176" spans="1:2" x14ac:dyDescent="0.25">
      <c r="A176" s="278" t="s">
        <v>610</v>
      </c>
      <c r="B176" s="195"/>
    </row>
    <row r="177" spans="1:2" x14ac:dyDescent="0.25">
      <c r="A177" s="278" t="s">
        <v>611</v>
      </c>
      <c r="B177" s="195"/>
    </row>
    <row r="178" spans="1:2" x14ac:dyDescent="0.25">
      <c r="A178" s="278" t="s">
        <v>612</v>
      </c>
      <c r="B178" s="195"/>
    </row>
    <row r="179" spans="1:2" ht="15.75" thickBot="1" x14ac:dyDescent="0.3">
      <c r="A179" s="278" t="s">
        <v>526</v>
      </c>
      <c r="B179" s="196"/>
    </row>
    <row r="180" spans="1:2" x14ac:dyDescent="0.25">
      <c r="A180" s="277" t="s">
        <v>613</v>
      </c>
      <c r="B180" s="195"/>
    </row>
    <row r="181" spans="1:2" x14ac:dyDescent="0.25">
      <c r="A181" s="278" t="s">
        <v>614</v>
      </c>
      <c r="B181" s="290" t="s">
        <v>698</v>
      </c>
    </row>
    <row r="182" spans="1:2" x14ac:dyDescent="0.25">
      <c r="A182" s="278" t="s">
        <v>615</v>
      </c>
      <c r="B182" s="195"/>
    </row>
    <row r="183" spans="1:2" x14ac:dyDescent="0.25">
      <c r="A183" s="278" t="s">
        <v>616</v>
      </c>
      <c r="B183" s="195"/>
    </row>
    <row r="184" spans="1:2" ht="15.75" thickBot="1" x14ac:dyDescent="0.3">
      <c r="A184" s="278" t="s">
        <v>617</v>
      </c>
      <c r="B184" s="196"/>
    </row>
    <row r="185" spans="1:2" x14ac:dyDescent="0.25">
      <c r="A185" s="277" t="s">
        <v>618</v>
      </c>
      <c r="B185" s="290" t="s">
        <v>699</v>
      </c>
    </row>
    <row r="186" spans="1:2" x14ac:dyDescent="0.25">
      <c r="A186" s="278" t="s">
        <v>619</v>
      </c>
      <c r="B186" s="195"/>
    </row>
    <row r="187" spans="1:2" x14ac:dyDescent="0.25">
      <c r="A187" s="278" t="s">
        <v>620</v>
      </c>
      <c r="B187" s="195"/>
    </row>
    <row r="188" spans="1:2" x14ac:dyDescent="0.25">
      <c r="A188" s="278" t="s">
        <v>621</v>
      </c>
      <c r="B188" s="195"/>
    </row>
    <row r="189" spans="1:2" x14ac:dyDescent="0.25">
      <c r="A189" s="278" t="s">
        <v>622</v>
      </c>
      <c r="B189" s="195"/>
    </row>
    <row r="190" spans="1:2" x14ac:dyDescent="0.25">
      <c r="A190" s="278" t="s">
        <v>623</v>
      </c>
      <c r="B190" s="195"/>
    </row>
    <row r="191" spans="1:2" x14ac:dyDescent="0.25">
      <c r="A191" s="278" t="s">
        <v>624</v>
      </c>
      <c r="B191" s="195"/>
    </row>
    <row r="192" spans="1:2" x14ac:dyDescent="0.25">
      <c r="A192" s="278" t="s">
        <v>625</v>
      </c>
      <c r="B192" s="195"/>
    </row>
    <row r="193" spans="1:2" x14ac:dyDescent="0.25">
      <c r="A193" s="278" t="s">
        <v>626</v>
      </c>
      <c r="B193" s="195"/>
    </row>
    <row r="194" spans="1:2" x14ac:dyDescent="0.25">
      <c r="A194" s="278" t="s">
        <v>627</v>
      </c>
      <c r="B194" s="195"/>
    </row>
    <row r="195" spans="1:2" ht="15.75" thickBot="1" x14ac:dyDescent="0.3">
      <c r="A195" s="279" t="s">
        <v>628</v>
      </c>
      <c r="B195" s="196"/>
    </row>
    <row r="196" spans="1:2" x14ac:dyDescent="0.25">
      <c r="A196" s="278" t="s">
        <v>629</v>
      </c>
      <c r="B196" s="290" t="s">
        <v>700</v>
      </c>
    </row>
    <row r="197" spans="1:2" ht="15.75" thickBot="1" x14ac:dyDescent="0.3">
      <c r="A197" s="278" t="s">
        <v>630</v>
      </c>
      <c r="B197" s="196"/>
    </row>
    <row r="198" spans="1:2" x14ac:dyDescent="0.25">
      <c r="A198" s="277" t="s">
        <v>631</v>
      </c>
      <c r="B198" s="195"/>
    </row>
    <row r="199" spans="1:2" x14ac:dyDescent="0.25">
      <c r="A199" s="278" t="s">
        <v>632</v>
      </c>
      <c r="B199" s="290" t="s">
        <v>703</v>
      </c>
    </row>
    <row r="200" spans="1:2" x14ac:dyDescent="0.25">
      <c r="A200" s="278" t="s">
        <v>633</v>
      </c>
      <c r="B200" s="290" t="s">
        <v>702</v>
      </c>
    </row>
    <row r="201" spans="1:2" x14ac:dyDescent="0.25">
      <c r="A201" s="278" t="s">
        <v>634</v>
      </c>
      <c r="B201" s="195"/>
    </row>
    <row r="202" spans="1:2" x14ac:dyDescent="0.25">
      <c r="A202" s="278" t="s">
        <v>635</v>
      </c>
      <c r="B202" s="195"/>
    </row>
    <row r="203" spans="1:2" x14ac:dyDescent="0.25">
      <c r="A203" s="278" t="s">
        <v>636</v>
      </c>
      <c r="B203" s="195"/>
    </row>
    <row r="204" spans="1:2" x14ac:dyDescent="0.25">
      <c r="A204" s="278" t="s">
        <v>637</v>
      </c>
      <c r="B204" s="195"/>
    </row>
    <row r="205" spans="1:2" x14ac:dyDescent="0.25">
      <c r="A205" s="278" t="s">
        <v>638</v>
      </c>
      <c r="B205" s="195"/>
    </row>
    <row r="206" spans="1:2" x14ac:dyDescent="0.25">
      <c r="A206" s="278" t="s">
        <v>639</v>
      </c>
      <c r="B206" s="290" t="s">
        <v>704</v>
      </c>
    </row>
    <row r="207" spans="1:2" ht="15.75" thickBot="1" x14ac:dyDescent="0.3">
      <c r="A207" s="278" t="s">
        <v>640</v>
      </c>
      <c r="B207" s="195"/>
    </row>
    <row r="208" spans="1:2" x14ac:dyDescent="0.25">
      <c r="A208" s="277" t="s">
        <v>641</v>
      </c>
      <c r="B208" s="173"/>
    </row>
    <row r="209" spans="1:2" x14ac:dyDescent="0.25">
      <c r="A209" s="278" t="s">
        <v>642</v>
      </c>
      <c r="B209" s="195"/>
    </row>
    <row r="210" spans="1:2" ht="15.75" thickBot="1" x14ac:dyDescent="0.3">
      <c r="A210" s="278" t="s">
        <v>643</v>
      </c>
      <c r="B210" s="196"/>
    </row>
    <row r="211" spans="1:2" x14ac:dyDescent="0.25">
      <c r="A211" s="277" t="s">
        <v>644</v>
      </c>
      <c r="B211" s="292" t="s">
        <v>705</v>
      </c>
    </row>
    <row r="212" spans="1:2" x14ac:dyDescent="0.25">
      <c r="A212" s="278" t="s">
        <v>645</v>
      </c>
      <c r="B212" s="195"/>
    </row>
    <row r="213" spans="1:2" x14ac:dyDescent="0.25">
      <c r="A213" s="278" t="s">
        <v>646</v>
      </c>
      <c r="B213" s="195"/>
    </row>
    <row r="214" spans="1:2" x14ac:dyDescent="0.25">
      <c r="A214" s="278" t="s">
        <v>647</v>
      </c>
      <c r="B214" s="195"/>
    </row>
    <row r="215" spans="1:2" x14ac:dyDescent="0.25">
      <c r="A215" s="278" t="s">
        <v>648</v>
      </c>
      <c r="B215" s="195"/>
    </row>
    <row r="216" spans="1:2" x14ac:dyDescent="0.25">
      <c r="A216" s="278" t="s">
        <v>649</v>
      </c>
      <c r="B216" s="195"/>
    </row>
    <row r="217" spans="1:2" x14ac:dyDescent="0.25">
      <c r="A217" s="278" t="s">
        <v>650</v>
      </c>
      <c r="B217" s="195"/>
    </row>
    <row r="218" spans="1:2" ht="15.75" thickBot="1" x14ac:dyDescent="0.3">
      <c r="A218" s="278" t="s">
        <v>651</v>
      </c>
      <c r="B218" s="195"/>
    </row>
    <row r="219" spans="1:2" x14ac:dyDescent="0.25">
      <c r="A219" s="277" t="s">
        <v>652</v>
      </c>
      <c r="B219" s="173"/>
    </row>
    <row r="220" spans="1:2" x14ac:dyDescent="0.25">
      <c r="A220" s="278" t="s">
        <v>653</v>
      </c>
      <c r="B220" s="195"/>
    </row>
    <row r="221" spans="1:2" x14ac:dyDescent="0.25">
      <c r="A221" s="278" t="s">
        <v>654</v>
      </c>
      <c r="B221" s="195"/>
    </row>
    <row r="222" spans="1:2" x14ac:dyDescent="0.25">
      <c r="A222" s="278" t="s">
        <v>655</v>
      </c>
      <c r="B222" s="195"/>
    </row>
    <row r="223" spans="1:2" x14ac:dyDescent="0.25">
      <c r="A223" s="278" t="s">
        <v>656</v>
      </c>
      <c r="B223" s="195"/>
    </row>
    <row r="224" spans="1:2" x14ac:dyDescent="0.25">
      <c r="A224" s="278" t="s">
        <v>582</v>
      </c>
      <c r="B224" s="195"/>
    </row>
    <row r="225" spans="1:2" x14ac:dyDescent="0.25">
      <c r="A225" s="278" t="s">
        <v>526</v>
      </c>
      <c r="B225" s="195"/>
    </row>
    <row r="226" spans="1:2" x14ac:dyDescent="0.25">
      <c r="A226" s="278" t="s">
        <v>657</v>
      </c>
      <c r="B226" s="290" t="s">
        <v>706</v>
      </c>
    </row>
    <row r="227" spans="1:2" x14ac:dyDescent="0.25">
      <c r="A227" s="278" t="s">
        <v>658</v>
      </c>
      <c r="B227" s="195"/>
    </row>
    <row r="228" spans="1:2" x14ac:dyDescent="0.25">
      <c r="A228" s="278" t="s">
        <v>659</v>
      </c>
      <c r="B228" s="195"/>
    </row>
    <row r="229" spans="1:2" x14ac:dyDescent="0.25">
      <c r="A229" s="278" t="s">
        <v>660</v>
      </c>
      <c r="B229" s="195"/>
    </row>
    <row r="230" spans="1:2" x14ac:dyDescent="0.25">
      <c r="A230" s="278" t="s">
        <v>661</v>
      </c>
      <c r="B230" s="195"/>
    </row>
    <row r="231" spans="1:2" x14ac:dyDescent="0.25">
      <c r="A231" s="278" t="s">
        <v>662</v>
      </c>
      <c r="B231" s="195"/>
    </row>
    <row r="232" spans="1:2" x14ac:dyDescent="0.25">
      <c r="A232" s="278" t="s">
        <v>663</v>
      </c>
      <c r="B232" s="195"/>
    </row>
    <row r="233" spans="1:2" x14ac:dyDescent="0.25">
      <c r="A233" s="278" t="s">
        <v>664</v>
      </c>
      <c r="B233" s="195"/>
    </row>
    <row r="234" spans="1:2" x14ac:dyDescent="0.25">
      <c r="A234" s="278" t="s">
        <v>660</v>
      </c>
      <c r="B234" s="195"/>
    </row>
    <row r="235" spans="1:2" x14ac:dyDescent="0.25">
      <c r="A235" s="278" t="s">
        <v>661</v>
      </c>
      <c r="B235" s="195"/>
    </row>
    <row r="236" spans="1:2" x14ac:dyDescent="0.25">
      <c r="A236" s="278" t="s">
        <v>662</v>
      </c>
      <c r="B236" s="195"/>
    </row>
    <row r="237" spans="1:2" x14ac:dyDescent="0.25">
      <c r="A237" s="278" t="s">
        <v>665</v>
      </c>
      <c r="B237" s="195"/>
    </row>
    <row r="238" spans="1:2" x14ac:dyDescent="0.25">
      <c r="A238" s="278" t="s">
        <v>666</v>
      </c>
      <c r="B238" s="195"/>
    </row>
    <row r="239" spans="1:2" x14ac:dyDescent="0.25">
      <c r="A239" s="278" t="s">
        <v>667</v>
      </c>
      <c r="B239" s="195"/>
    </row>
    <row r="240" spans="1:2" x14ac:dyDescent="0.25">
      <c r="A240" s="278" t="s">
        <v>659</v>
      </c>
      <c r="B240" s="195"/>
    </row>
    <row r="241" spans="1:2" x14ac:dyDescent="0.25">
      <c r="A241" s="278" t="s">
        <v>660</v>
      </c>
      <c r="B241" s="195"/>
    </row>
    <row r="242" spans="1:2" x14ac:dyDescent="0.25">
      <c r="A242" s="278" t="s">
        <v>661</v>
      </c>
      <c r="B242" s="195"/>
    </row>
    <row r="243" spans="1:2" x14ac:dyDescent="0.25">
      <c r="A243" s="278" t="s">
        <v>662</v>
      </c>
      <c r="B243" s="195"/>
    </row>
    <row r="244" spans="1:2" x14ac:dyDescent="0.25">
      <c r="A244" s="278" t="s">
        <v>663</v>
      </c>
      <c r="B244" s="195"/>
    </row>
    <row r="245" spans="1:2" x14ac:dyDescent="0.25">
      <c r="A245" s="278" t="s">
        <v>664</v>
      </c>
      <c r="B245" s="195"/>
    </row>
    <row r="246" spans="1:2" x14ac:dyDescent="0.25">
      <c r="A246" s="278" t="s">
        <v>660</v>
      </c>
      <c r="B246" s="195"/>
    </row>
    <row r="247" spans="1:2" x14ac:dyDescent="0.25">
      <c r="A247" s="278" t="s">
        <v>661</v>
      </c>
      <c r="B247" s="195"/>
    </row>
    <row r="248" spans="1:2" x14ac:dyDescent="0.25">
      <c r="A248" s="278" t="s">
        <v>662</v>
      </c>
      <c r="B248" s="195"/>
    </row>
    <row r="249" spans="1:2" x14ac:dyDescent="0.25">
      <c r="A249" s="278" t="s">
        <v>665</v>
      </c>
      <c r="B249" s="195"/>
    </row>
    <row r="250" spans="1:2" x14ac:dyDescent="0.25">
      <c r="A250" s="278" t="s">
        <v>668</v>
      </c>
      <c r="B250" s="195"/>
    </row>
    <row r="251" spans="1:2" x14ac:dyDescent="0.25">
      <c r="A251" s="278" t="s">
        <v>669</v>
      </c>
      <c r="B251" s="195"/>
    </row>
    <row r="252" spans="1:2" ht="15.75" thickBot="1" x14ac:dyDescent="0.3">
      <c r="A252" s="279" t="s">
        <v>670</v>
      </c>
      <c r="B252" s="195"/>
    </row>
    <row r="253" spans="1:2" x14ac:dyDescent="0.25">
      <c r="A253" s="278" t="s">
        <v>671</v>
      </c>
      <c r="B253" s="176" t="s">
        <v>707</v>
      </c>
    </row>
    <row r="254" spans="1:2" x14ac:dyDescent="0.25">
      <c r="A254" s="278" t="s">
        <v>672</v>
      </c>
      <c r="B254" s="195"/>
    </row>
    <row r="255" spans="1:2" x14ac:dyDescent="0.25">
      <c r="A255" s="278" t="s">
        <v>640</v>
      </c>
      <c r="B255" s="195"/>
    </row>
    <row r="256" spans="1:2" ht="15.75" thickBot="1" x14ac:dyDescent="0.3">
      <c r="A256" s="278" t="s">
        <v>673</v>
      </c>
      <c r="B256" s="195"/>
    </row>
    <row r="257" spans="1:2" x14ac:dyDescent="0.25">
      <c r="A257" s="277" t="s">
        <v>674</v>
      </c>
      <c r="B257" s="173"/>
    </row>
    <row r="258" spans="1:2" x14ac:dyDescent="0.25">
      <c r="A258" s="278" t="s">
        <v>629</v>
      </c>
      <c r="B258" s="290" t="s">
        <v>708</v>
      </c>
    </row>
    <row r="259" spans="1:2" x14ac:dyDescent="0.25">
      <c r="A259" s="278" t="s">
        <v>675</v>
      </c>
      <c r="B259" s="293"/>
    </row>
    <row r="260" spans="1:2" x14ac:dyDescent="0.25">
      <c r="A260" s="278" t="s">
        <v>631</v>
      </c>
      <c r="B260" s="195"/>
    </row>
    <row r="261" spans="1:2" x14ac:dyDescent="0.25">
      <c r="A261" s="278" t="s">
        <v>632</v>
      </c>
      <c r="B261" s="195"/>
    </row>
    <row r="262" spans="1:2" x14ac:dyDescent="0.25">
      <c r="A262" s="278" t="s">
        <v>633</v>
      </c>
      <c r="B262" s="195"/>
    </row>
    <row r="263" spans="1:2" ht="15.75" thickBot="1" x14ac:dyDescent="0.3">
      <c r="A263" s="278" t="s">
        <v>634</v>
      </c>
      <c r="B263" s="195"/>
    </row>
    <row r="264" spans="1:2" x14ac:dyDescent="0.25">
      <c r="A264" s="277" t="s">
        <v>635</v>
      </c>
      <c r="B264" s="173"/>
    </row>
    <row r="265" spans="1:2" x14ac:dyDescent="0.25">
      <c r="A265" s="278" t="s">
        <v>636</v>
      </c>
      <c r="B265" s="195"/>
    </row>
    <row r="266" spans="1:2" x14ac:dyDescent="0.25">
      <c r="A266" s="278" t="s">
        <v>637</v>
      </c>
      <c r="B266" s="195"/>
    </row>
    <row r="267" spans="1:2" x14ac:dyDescent="0.25">
      <c r="A267" s="278" t="s">
        <v>638</v>
      </c>
      <c r="B267" s="195"/>
    </row>
    <row r="268" spans="1:2" x14ac:dyDescent="0.25">
      <c r="A268" s="278" t="s">
        <v>639</v>
      </c>
      <c r="B268" s="290" t="s">
        <v>5</v>
      </c>
    </row>
    <row r="269" spans="1:2" x14ac:dyDescent="0.25">
      <c r="A269" s="278" t="s">
        <v>640</v>
      </c>
      <c r="B269" s="195"/>
    </row>
    <row r="270" spans="1:2" x14ac:dyDescent="0.25">
      <c r="A270" s="278" t="s">
        <v>641</v>
      </c>
      <c r="B270" s="195"/>
    </row>
    <row r="271" spans="1:2" x14ac:dyDescent="0.25">
      <c r="A271" s="278" t="s">
        <v>642</v>
      </c>
      <c r="B271" s="195"/>
    </row>
    <row r="272" spans="1:2" x14ac:dyDescent="0.25">
      <c r="A272" s="278" t="s">
        <v>643</v>
      </c>
      <c r="B272" s="195"/>
    </row>
    <row r="273" spans="1:2" x14ac:dyDescent="0.25">
      <c r="A273" s="278" t="s">
        <v>644</v>
      </c>
      <c r="B273" s="290" t="s">
        <v>705</v>
      </c>
    </row>
    <row r="274" spans="1:2" x14ac:dyDescent="0.25">
      <c r="A274" s="278" t="s">
        <v>645</v>
      </c>
      <c r="B274" s="195"/>
    </row>
    <row r="275" spans="1:2" x14ac:dyDescent="0.25">
      <c r="A275" s="278" t="s">
        <v>646</v>
      </c>
      <c r="B275" s="195"/>
    </row>
    <row r="276" spans="1:2" x14ac:dyDescent="0.25">
      <c r="A276" s="278" t="s">
        <v>647</v>
      </c>
      <c r="B276" s="195"/>
    </row>
    <row r="277" spans="1:2" x14ac:dyDescent="0.25">
      <c r="A277" s="278" t="s">
        <v>648</v>
      </c>
      <c r="B277" s="195"/>
    </row>
    <row r="278" spans="1:2" x14ac:dyDescent="0.25">
      <c r="A278" s="278" t="s">
        <v>676</v>
      </c>
      <c r="B278" s="195"/>
    </row>
    <row r="279" spans="1:2" x14ac:dyDescent="0.25">
      <c r="A279" s="278" t="s">
        <v>650</v>
      </c>
      <c r="B279" s="195"/>
    </row>
    <row r="280" spans="1:2" x14ac:dyDescent="0.25">
      <c r="A280" s="278" t="s">
        <v>677</v>
      </c>
      <c r="B280" s="195"/>
    </row>
    <row r="281" spans="1:2" ht="15.75" thickBot="1" x14ac:dyDescent="0.3">
      <c r="A281" s="278" t="s">
        <v>652</v>
      </c>
      <c r="B281" s="196"/>
    </row>
    <row r="282" spans="1:2" x14ac:dyDescent="0.25">
      <c r="A282" s="277" t="s">
        <v>653</v>
      </c>
      <c r="B282" s="195"/>
    </row>
    <row r="283" spans="1:2" x14ac:dyDescent="0.25">
      <c r="A283" s="278" t="s">
        <v>654</v>
      </c>
      <c r="B283" s="195"/>
    </row>
    <row r="284" spans="1:2" x14ac:dyDescent="0.25">
      <c r="A284" s="278" t="s">
        <v>655</v>
      </c>
      <c r="B284" s="195"/>
    </row>
    <row r="285" spans="1:2" x14ac:dyDescent="0.25">
      <c r="A285" s="278" t="s">
        <v>656</v>
      </c>
      <c r="B285" s="195"/>
    </row>
    <row r="286" spans="1:2" x14ac:dyDescent="0.25">
      <c r="A286" s="278" t="s">
        <v>582</v>
      </c>
      <c r="B286" s="195"/>
    </row>
    <row r="287" spans="1:2" x14ac:dyDescent="0.25">
      <c r="A287" s="278" t="s">
        <v>526</v>
      </c>
      <c r="B287" s="195"/>
    </row>
    <row r="288" spans="1:2" x14ac:dyDescent="0.25">
      <c r="A288" s="278" t="s">
        <v>657</v>
      </c>
      <c r="B288" s="290" t="s">
        <v>709</v>
      </c>
    </row>
    <row r="289" spans="1:2" x14ac:dyDescent="0.25">
      <c r="A289" s="278" t="s">
        <v>658</v>
      </c>
      <c r="B289" s="195"/>
    </row>
    <row r="290" spans="1:2" x14ac:dyDescent="0.25">
      <c r="A290" s="278" t="s">
        <v>659</v>
      </c>
      <c r="B290" s="195"/>
    </row>
    <row r="291" spans="1:2" x14ac:dyDescent="0.25">
      <c r="A291" s="278" t="s">
        <v>660</v>
      </c>
      <c r="B291" s="195"/>
    </row>
    <row r="292" spans="1:2" x14ac:dyDescent="0.25">
      <c r="A292" s="278" t="s">
        <v>661</v>
      </c>
      <c r="B292" s="195"/>
    </row>
    <row r="293" spans="1:2" x14ac:dyDescent="0.25">
      <c r="A293" s="278" t="s">
        <v>662</v>
      </c>
      <c r="B293" s="195"/>
    </row>
    <row r="294" spans="1:2" x14ac:dyDescent="0.25">
      <c r="A294" s="278" t="s">
        <v>663</v>
      </c>
      <c r="B294" s="195"/>
    </row>
    <row r="295" spans="1:2" x14ac:dyDescent="0.25">
      <c r="A295" s="278" t="s">
        <v>664</v>
      </c>
      <c r="B295" s="195"/>
    </row>
    <row r="296" spans="1:2" x14ac:dyDescent="0.25">
      <c r="A296" s="278" t="s">
        <v>660</v>
      </c>
      <c r="B296" s="195"/>
    </row>
    <row r="297" spans="1:2" x14ac:dyDescent="0.25">
      <c r="A297" s="278" t="s">
        <v>661</v>
      </c>
      <c r="B297" s="195"/>
    </row>
    <row r="298" spans="1:2" x14ac:dyDescent="0.25">
      <c r="A298" s="278" t="s">
        <v>662</v>
      </c>
      <c r="B298" s="195"/>
    </row>
    <row r="299" spans="1:2" x14ac:dyDescent="0.25">
      <c r="A299" s="278" t="s">
        <v>665</v>
      </c>
      <c r="B299" s="195"/>
    </row>
    <row r="300" spans="1:2" x14ac:dyDescent="0.25">
      <c r="A300" s="278" t="s">
        <v>666</v>
      </c>
      <c r="B300" s="195"/>
    </row>
    <row r="301" spans="1:2" x14ac:dyDescent="0.25">
      <c r="A301" s="278" t="s">
        <v>667</v>
      </c>
      <c r="B301" s="195"/>
    </row>
    <row r="302" spans="1:2" x14ac:dyDescent="0.25">
      <c r="A302" s="278" t="s">
        <v>659</v>
      </c>
      <c r="B302" s="195"/>
    </row>
    <row r="303" spans="1:2" x14ac:dyDescent="0.25">
      <c r="A303" s="278" t="s">
        <v>660</v>
      </c>
      <c r="B303" s="195"/>
    </row>
    <row r="304" spans="1:2" x14ac:dyDescent="0.25">
      <c r="A304" s="278" t="s">
        <v>661</v>
      </c>
      <c r="B304" s="195"/>
    </row>
    <row r="305" spans="1:2" x14ac:dyDescent="0.25">
      <c r="A305" s="278" t="s">
        <v>662</v>
      </c>
      <c r="B305" s="195"/>
    </row>
    <row r="306" spans="1:2" x14ac:dyDescent="0.25">
      <c r="A306" s="278" t="s">
        <v>663</v>
      </c>
      <c r="B306" s="195"/>
    </row>
    <row r="307" spans="1:2" x14ac:dyDescent="0.25">
      <c r="A307" s="278" t="s">
        <v>664</v>
      </c>
      <c r="B307" s="195"/>
    </row>
    <row r="308" spans="1:2" x14ac:dyDescent="0.25">
      <c r="A308" s="278" t="s">
        <v>660</v>
      </c>
      <c r="B308" s="195"/>
    </row>
    <row r="309" spans="1:2" x14ac:dyDescent="0.25">
      <c r="A309" s="278" t="s">
        <v>661</v>
      </c>
      <c r="B309" s="195"/>
    </row>
    <row r="310" spans="1:2" x14ac:dyDescent="0.25">
      <c r="A310" s="278" t="s">
        <v>662</v>
      </c>
      <c r="B310" s="195"/>
    </row>
    <row r="311" spans="1:2" x14ac:dyDescent="0.25">
      <c r="A311" s="278" t="s">
        <v>665</v>
      </c>
      <c r="B311" s="195"/>
    </row>
    <row r="312" spans="1:2" x14ac:dyDescent="0.25">
      <c r="A312" s="278" t="s">
        <v>668</v>
      </c>
      <c r="B312" s="195"/>
    </row>
    <row r="313" spans="1:2" x14ac:dyDescent="0.25">
      <c r="A313" s="278" t="s">
        <v>669</v>
      </c>
      <c r="B313" s="195"/>
    </row>
    <row r="314" spans="1:2" x14ac:dyDescent="0.25">
      <c r="A314" s="278" t="s">
        <v>670</v>
      </c>
      <c r="B314" s="195"/>
    </row>
    <row r="315" spans="1:2" x14ac:dyDescent="0.25">
      <c r="A315" s="278" t="s">
        <v>671</v>
      </c>
      <c r="B315" s="290" t="s">
        <v>710</v>
      </c>
    </row>
    <row r="316" spans="1:2" x14ac:dyDescent="0.25">
      <c r="A316" s="278" t="s">
        <v>672</v>
      </c>
      <c r="B316" s="195"/>
    </row>
    <row r="317" spans="1:2" x14ac:dyDescent="0.25">
      <c r="A317" s="278" t="s">
        <v>640</v>
      </c>
      <c r="B317" s="195"/>
    </row>
    <row r="318" spans="1:2" x14ac:dyDescent="0.25">
      <c r="A318" s="278" t="s">
        <v>673</v>
      </c>
      <c r="B318" s="195"/>
    </row>
    <row r="319" spans="1:2" x14ac:dyDescent="0.25">
      <c r="A319" s="278" t="s">
        <v>674</v>
      </c>
      <c r="B319" s="195"/>
    </row>
    <row r="320" spans="1:2" x14ac:dyDescent="0.25">
      <c r="A320" s="278" t="s">
        <v>678</v>
      </c>
      <c r="B320" s="195"/>
    </row>
    <row r="321" spans="1:2" x14ac:dyDescent="0.25">
      <c r="A321" s="278" t="s">
        <v>679</v>
      </c>
      <c r="B321" s="195"/>
    </row>
    <row r="322" spans="1:2" ht="15.75" thickBot="1" x14ac:dyDescent="0.3">
      <c r="A322" s="279" t="s">
        <v>475</v>
      </c>
      <c r="B322" s="196"/>
    </row>
  </sheetData>
  <mergeCells count="1">
    <mergeCell ref="A1:C1"/>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C95BF3-5F0F-4864-A0FB-7104E043A9D3}">
  <dimension ref="B1:C69"/>
  <sheetViews>
    <sheetView topLeftCell="A14" workbookViewId="0">
      <selection activeCell="B41" sqref="B41"/>
    </sheetView>
  </sheetViews>
  <sheetFormatPr defaultRowHeight="15" x14ac:dyDescent="0.25"/>
  <cols>
    <col min="2" max="2" width="137.85546875" customWidth="1"/>
    <col min="3" max="3" width="104.85546875" customWidth="1"/>
  </cols>
  <sheetData>
    <row r="1" spans="2:3" ht="23.25" x14ac:dyDescent="0.25">
      <c r="B1" s="294" t="s">
        <v>718</v>
      </c>
      <c r="C1" s="295" t="s">
        <v>711</v>
      </c>
    </row>
    <row r="2" spans="2:3" ht="15.75" thickBot="1" x14ac:dyDescent="0.3">
      <c r="B2" s="195"/>
      <c r="C2" s="296"/>
    </row>
    <row r="3" spans="2:3" ht="24.75" thickBot="1" x14ac:dyDescent="0.3">
      <c r="B3" s="310" t="s">
        <v>751</v>
      </c>
      <c r="C3" s="297" t="s">
        <v>680</v>
      </c>
    </row>
    <row r="4" spans="2:3" ht="15.75" thickBot="1" x14ac:dyDescent="0.3">
      <c r="B4" s="277" t="s">
        <v>720</v>
      </c>
      <c r="C4" s="297" t="s">
        <v>681</v>
      </c>
    </row>
    <row r="5" spans="2:3" ht="75.75" thickBot="1" x14ac:dyDescent="0.3">
      <c r="B5" s="275" t="s">
        <v>721</v>
      </c>
      <c r="C5" s="298" t="s">
        <v>712</v>
      </c>
    </row>
    <row r="6" spans="2:3" x14ac:dyDescent="0.25">
      <c r="B6" s="278" t="s">
        <v>722</v>
      </c>
    </row>
    <row r="7" spans="2:3" x14ac:dyDescent="0.25">
      <c r="B7" s="278" t="s">
        <v>723</v>
      </c>
      <c r="C7" s="276" t="s">
        <v>713</v>
      </c>
    </row>
    <row r="8" spans="2:3" x14ac:dyDescent="0.25">
      <c r="B8" s="278" t="s">
        <v>724</v>
      </c>
      <c r="C8" s="299" t="s">
        <v>714</v>
      </c>
    </row>
    <row r="9" spans="2:3" ht="15.75" thickBot="1" x14ac:dyDescent="0.3">
      <c r="B9" s="279" t="s">
        <v>725</v>
      </c>
      <c r="C9" s="307"/>
    </row>
    <row r="10" spans="2:3" ht="15.75" thickBot="1" x14ac:dyDescent="0.3">
      <c r="B10" s="311" t="s">
        <v>726</v>
      </c>
      <c r="C10" s="283"/>
    </row>
    <row r="11" spans="2:3" x14ac:dyDescent="0.25">
      <c r="B11" s="323" t="s">
        <v>722</v>
      </c>
      <c r="C11" s="312" t="s">
        <v>752</v>
      </c>
    </row>
    <row r="12" spans="2:3" x14ac:dyDescent="0.25">
      <c r="B12" s="278" t="s">
        <v>727</v>
      </c>
      <c r="C12" s="302" t="s">
        <v>714</v>
      </c>
    </row>
    <row r="13" spans="2:3" x14ac:dyDescent="0.25">
      <c r="B13" s="278" t="s">
        <v>724</v>
      </c>
      <c r="C13" s="304"/>
    </row>
    <row r="14" spans="2:3" ht="15.75" thickBot="1" x14ac:dyDescent="0.3">
      <c r="B14" s="279" t="s">
        <v>728</v>
      </c>
      <c r="C14" s="324"/>
    </row>
    <row r="15" spans="2:3" x14ac:dyDescent="0.25">
      <c r="B15" s="278" t="s">
        <v>729</v>
      </c>
      <c r="C15" s="304"/>
    </row>
    <row r="16" spans="2:3" x14ac:dyDescent="0.25">
      <c r="B16" s="278" t="s">
        <v>722</v>
      </c>
      <c r="C16" s="304"/>
    </row>
    <row r="17" spans="2:3" x14ac:dyDescent="0.25">
      <c r="B17" s="278" t="s">
        <v>730</v>
      </c>
      <c r="C17" s="300"/>
    </row>
    <row r="18" spans="2:3" x14ac:dyDescent="0.25">
      <c r="B18" s="278" t="s">
        <v>731</v>
      </c>
      <c r="C18" s="304"/>
    </row>
    <row r="19" spans="2:3" x14ac:dyDescent="0.25">
      <c r="B19" s="278" t="s">
        <v>724</v>
      </c>
      <c r="C19" s="304"/>
    </row>
    <row r="20" spans="2:3" x14ac:dyDescent="0.25">
      <c r="B20" s="278" t="s">
        <v>732</v>
      </c>
      <c r="C20" s="299" t="s">
        <v>715</v>
      </c>
    </row>
    <row r="21" spans="2:3" x14ac:dyDescent="0.25">
      <c r="B21" s="278" t="s">
        <v>733</v>
      </c>
      <c r="C21" s="283"/>
    </row>
    <row r="22" spans="2:3" ht="15.75" thickBot="1" x14ac:dyDescent="0.3">
      <c r="B22" s="279" t="s">
        <v>734</v>
      </c>
      <c r="C22" s="319" t="s">
        <v>714</v>
      </c>
    </row>
    <row r="23" spans="2:3" ht="30" x14ac:dyDescent="0.25">
      <c r="B23" s="278" t="s">
        <v>735</v>
      </c>
      <c r="C23" s="325" t="s">
        <v>688</v>
      </c>
    </row>
    <row r="24" spans="2:3" x14ac:dyDescent="0.25">
      <c r="B24" s="278" t="s">
        <v>736</v>
      </c>
      <c r="C24" s="274"/>
    </row>
    <row r="25" spans="2:3" ht="120" x14ac:dyDescent="0.25">
      <c r="B25" s="278" t="s">
        <v>1035</v>
      </c>
      <c r="C25" s="326" t="s">
        <v>754</v>
      </c>
    </row>
    <row r="26" spans="2:3" ht="15.75" thickBot="1" x14ac:dyDescent="0.3">
      <c r="B26" s="279" t="s">
        <v>737</v>
      </c>
      <c r="C26" s="322" t="s">
        <v>755</v>
      </c>
    </row>
    <row r="27" spans="2:3" x14ac:dyDescent="0.25">
      <c r="B27" s="278" t="s">
        <v>738</v>
      </c>
      <c r="C27" s="283"/>
    </row>
    <row r="28" spans="2:3" ht="30.75" thickBot="1" x14ac:dyDescent="0.3">
      <c r="B28" s="279" t="s">
        <v>739</v>
      </c>
      <c r="C28" s="321" t="s">
        <v>753</v>
      </c>
    </row>
    <row r="29" spans="2:3" ht="60.75" thickBot="1" x14ac:dyDescent="0.3">
      <c r="B29" s="275" t="s">
        <v>740</v>
      </c>
      <c r="C29" s="320" t="s">
        <v>716</v>
      </c>
    </row>
    <row r="30" spans="2:3" ht="15.75" thickBot="1" x14ac:dyDescent="0.3">
      <c r="B30" s="278" t="s">
        <v>741</v>
      </c>
    </row>
    <row r="31" spans="2:3" ht="15.75" thickBot="1" x14ac:dyDescent="0.3">
      <c r="B31" s="278" t="s">
        <v>742</v>
      </c>
      <c r="C31" s="327" t="s">
        <v>717</v>
      </c>
    </row>
    <row r="32" spans="2:3" x14ac:dyDescent="0.25">
      <c r="B32" s="278" t="s">
        <v>743</v>
      </c>
    </row>
    <row r="33" spans="2:3" x14ac:dyDescent="0.25">
      <c r="B33" s="278" t="s">
        <v>1036</v>
      </c>
      <c r="C33" s="305"/>
    </row>
    <row r="34" spans="2:3" x14ac:dyDescent="0.25">
      <c r="B34" s="278" t="s">
        <v>744</v>
      </c>
      <c r="C34" s="276"/>
    </row>
    <row r="35" spans="2:3" ht="14.25" customHeight="1" x14ac:dyDescent="0.25">
      <c r="B35" s="278" t="s">
        <v>745</v>
      </c>
      <c r="C35" s="305"/>
    </row>
    <row r="36" spans="2:3" x14ac:dyDescent="0.25">
      <c r="B36" s="278" t="s">
        <v>746</v>
      </c>
    </row>
    <row r="37" spans="2:3" ht="15.75" thickBot="1" x14ac:dyDescent="0.3">
      <c r="B37" s="280" t="s">
        <v>747</v>
      </c>
      <c r="C37" s="301"/>
    </row>
    <row r="38" spans="2:3" x14ac:dyDescent="0.25">
      <c r="B38" s="278" t="s">
        <v>748</v>
      </c>
      <c r="C38" s="329" t="s">
        <v>756</v>
      </c>
    </row>
    <row r="39" spans="2:3" x14ac:dyDescent="0.25">
      <c r="B39" s="278" t="s">
        <v>743</v>
      </c>
      <c r="C39" s="304"/>
    </row>
    <row r="40" spans="2:3" x14ac:dyDescent="0.25">
      <c r="B40" s="278" t="s">
        <v>1036</v>
      </c>
      <c r="C40" s="276"/>
    </row>
    <row r="41" spans="2:3" x14ac:dyDescent="0.25">
      <c r="B41" s="278" t="s">
        <v>744</v>
      </c>
      <c r="C41" s="276"/>
    </row>
    <row r="42" spans="2:3" x14ac:dyDescent="0.25">
      <c r="B42" s="278" t="s">
        <v>745</v>
      </c>
      <c r="C42" s="304"/>
    </row>
    <row r="43" spans="2:3" x14ac:dyDescent="0.25">
      <c r="B43" s="278" t="s">
        <v>746</v>
      </c>
      <c r="C43" s="304"/>
    </row>
    <row r="44" spans="2:3" ht="15.75" thickBot="1" x14ac:dyDescent="0.3">
      <c r="B44" s="280" t="s">
        <v>747</v>
      </c>
      <c r="C44" s="301"/>
    </row>
    <row r="45" spans="2:3" x14ac:dyDescent="0.25">
      <c r="B45" s="278" t="s">
        <v>749</v>
      </c>
      <c r="C45" s="276"/>
    </row>
    <row r="46" spans="2:3" x14ac:dyDescent="0.25">
      <c r="B46" s="278" t="s">
        <v>750</v>
      </c>
      <c r="C46" s="304"/>
    </row>
    <row r="47" spans="2:3" ht="15.75" thickBot="1" x14ac:dyDescent="0.3">
      <c r="B47" s="279" t="s">
        <v>475</v>
      </c>
      <c r="C47" s="318"/>
    </row>
    <row r="48" spans="2:3" x14ac:dyDescent="0.25">
      <c r="B48" s="315"/>
      <c r="C48" s="308"/>
    </row>
    <row r="49" spans="2:3" x14ac:dyDescent="0.25">
      <c r="B49" s="315"/>
      <c r="C49" s="308"/>
    </row>
    <row r="50" spans="2:3" x14ac:dyDescent="0.25">
      <c r="B50" s="315"/>
      <c r="C50" s="308"/>
    </row>
    <row r="51" spans="2:3" x14ac:dyDescent="0.25">
      <c r="B51" s="315"/>
      <c r="C51" s="308"/>
    </row>
    <row r="52" spans="2:3" x14ac:dyDescent="0.25">
      <c r="B52" s="315"/>
      <c r="C52" s="317"/>
    </row>
    <row r="53" spans="2:3" x14ac:dyDescent="0.25">
      <c r="B53" s="315"/>
      <c r="C53" s="308"/>
    </row>
    <row r="54" spans="2:3" x14ac:dyDescent="0.25">
      <c r="B54" s="315"/>
      <c r="C54" s="308"/>
    </row>
    <row r="55" spans="2:3" x14ac:dyDescent="0.25">
      <c r="B55" s="315"/>
      <c r="C55" s="308"/>
    </row>
    <row r="56" spans="2:3" x14ac:dyDescent="0.25">
      <c r="B56" s="315"/>
      <c r="C56" s="317"/>
    </row>
    <row r="57" spans="2:3" x14ac:dyDescent="0.25">
      <c r="B57" s="315"/>
      <c r="C57" s="308"/>
    </row>
    <row r="58" spans="2:3" x14ac:dyDescent="0.25">
      <c r="B58" s="315"/>
      <c r="C58" s="308"/>
    </row>
    <row r="59" spans="2:3" x14ac:dyDescent="0.25">
      <c r="B59" s="315"/>
      <c r="C59" s="308"/>
    </row>
    <row r="60" spans="2:3" x14ac:dyDescent="0.25">
      <c r="B60" s="315"/>
      <c r="C60" s="308"/>
    </row>
    <row r="61" spans="2:3" x14ac:dyDescent="0.25">
      <c r="B61" s="316"/>
      <c r="C61" s="308"/>
    </row>
    <row r="62" spans="2:3" x14ac:dyDescent="0.25">
      <c r="C62" s="308"/>
    </row>
    <row r="63" spans="2:3" x14ac:dyDescent="0.25">
      <c r="C63" s="308"/>
    </row>
    <row r="64" spans="2:3" x14ac:dyDescent="0.25">
      <c r="C64" s="308"/>
    </row>
    <row r="65" spans="3:3" x14ac:dyDescent="0.25">
      <c r="C65" s="308"/>
    </row>
    <row r="66" spans="3:3" x14ac:dyDescent="0.25">
      <c r="C66" s="308"/>
    </row>
    <row r="67" spans="3:3" x14ac:dyDescent="0.25">
      <c r="C67" s="308"/>
    </row>
    <row r="68" spans="3:3" x14ac:dyDescent="0.25">
      <c r="C68" s="308"/>
    </row>
    <row r="69" spans="3:3" x14ac:dyDescent="0.25">
      <c r="C69" s="308"/>
    </row>
  </sheetData>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3C272A-E432-47EF-A969-A1CD3C628D04}">
  <dimension ref="A1:B92"/>
  <sheetViews>
    <sheetView workbookViewId="0">
      <selection activeCell="A81" sqref="A81"/>
    </sheetView>
  </sheetViews>
  <sheetFormatPr defaultRowHeight="15" x14ac:dyDescent="0.25"/>
  <cols>
    <col min="1" max="1" width="129.7109375" customWidth="1"/>
    <col min="2" max="2" width="107.42578125" bestFit="1" customWidth="1"/>
  </cols>
  <sheetData>
    <row r="1" spans="1:2" ht="23.25" x14ac:dyDescent="0.25">
      <c r="A1" s="330" t="s">
        <v>757</v>
      </c>
      <c r="B1" s="331" t="s">
        <v>711</v>
      </c>
    </row>
    <row r="2" spans="1:2" ht="15.75" thickBot="1" x14ac:dyDescent="0.3">
      <c r="A2" s="333"/>
      <c r="B2" s="332" t="s">
        <v>758</v>
      </c>
    </row>
    <row r="3" spans="1:2" ht="15.75" thickBot="1" x14ac:dyDescent="0.3">
      <c r="A3" s="275" t="s">
        <v>762</v>
      </c>
      <c r="B3" s="298" t="s">
        <v>680</v>
      </c>
    </row>
    <row r="4" spans="1:2" ht="15.75" thickBot="1" x14ac:dyDescent="0.3">
      <c r="A4" s="275" t="s">
        <v>763</v>
      </c>
      <c r="B4" s="298" t="s">
        <v>681</v>
      </c>
    </row>
    <row r="5" spans="1:2" ht="75.75" thickBot="1" x14ac:dyDescent="0.3">
      <c r="A5" s="275" t="s">
        <v>500</v>
      </c>
      <c r="B5" s="298" t="s">
        <v>712</v>
      </c>
    </row>
    <row r="6" spans="1:2" x14ac:dyDescent="0.25">
      <c r="A6" s="277" t="s">
        <v>501</v>
      </c>
      <c r="B6" s="173"/>
    </row>
    <row r="7" spans="1:2" x14ac:dyDescent="0.25">
      <c r="A7" s="323" t="s">
        <v>502</v>
      </c>
      <c r="B7" s="274" t="s">
        <v>713</v>
      </c>
    </row>
    <row r="8" spans="1:2" x14ac:dyDescent="0.25">
      <c r="A8" s="339" t="s">
        <v>509</v>
      </c>
      <c r="B8" s="302" t="s">
        <v>714</v>
      </c>
    </row>
    <row r="9" spans="1:2" x14ac:dyDescent="0.25">
      <c r="A9" s="339" t="s">
        <v>504</v>
      </c>
      <c r="B9" s="195"/>
    </row>
    <row r="10" spans="1:2" ht="15.75" thickBot="1" x14ac:dyDescent="0.3">
      <c r="A10" s="337" t="s">
        <v>507</v>
      </c>
      <c r="B10" s="303"/>
    </row>
    <row r="11" spans="1:2" x14ac:dyDescent="0.25">
      <c r="A11" s="339" t="s">
        <v>508</v>
      </c>
      <c r="B11" s="274"/>
    </row>
    <row r="12" spans="1:2" x14ac:dyDescent="0.25">
      <c r="A12" s="339" t="s">
        <v>502</v>
      </c>
      <c r="B12" s="334" t="s">
        <v>811</v>
      </c>
    </row>
    <row r="13" spans="1:2" x14ac:dyDescent="0.25">
      <c r="A13" s="339" t="s">
        <v>503</v>
      </c>
      <c r="B13" s="302" t="s">
        <v>714</v>
      </c>
    </row>
    <row r="14" spans="1:2" x14ac:dyDescent="0.25">
      <c r="A14" s="343" t="s">
        <v>504</v>
      </c>
      <c r="B14" s="274"/>
    </row>
    <row r="15" spans="1:2" ht="15.75" thickBot="1" x14ac:dyDescent="0.3">
      <c r="A15" s="337" t="s">
        <v>528</v>
      </c>
      <c r="B15" s="338"/>
    </row>
    <row r="16" spans="1:2" x14ac:dyDescent="0.25">
      <c r="A16" s="339" t="s">
        <v>529</v>
      </c>
      <c r="B16" s="274"/>
    </row>
    <row r="17" spans="1:2" x14ac:dyDescent="0.25">
      <c r="A17" s="339" t="s">
        <v>502</v>
      </c>
      <c r="B17" s="195"/>
    </row>
    <row r="18" spans="1:2" x14ac:dyDescent="0.25">
      <c r="A18" s="339" t="s">
        <v>764</v>
      </c>
      <c r="B18" s="274"/>
    </row>
    <row r="19" spans="1:2" x14ac:dyDescent="0.25">
      <c r="A19" s="309" t="s">
        <v>765</v>
      </c>
      <c r="B19" s="274"/>
    </row>
    <row r="20" spans="1:2" x14ac:dyDescent="0.25">
      <c r="A20" s="309" t="s">
        <v>504</v>
      </c>
      <c r="B20" s="274"/>
    </row>
    <row r="21" spans="1:2" x14ac:dyDescent="0.25">
      <c r="A21" s="273" t="s">
        <v>532</v>
      </c>
      <c r="B21" s="274"/>
    </row>
    <row r="22" spans="1:2" x14ac:dyDescent="0.25">
      <c r="A22" s="273" t="s">
        <v>533</v>
      </c>
      <c r="B22" s="274"/>
    </row>
    <row r="23" spans="1:2" ht="0.75" customHeight="1" thickBot="1" x14ac:dyDescent="0.3">
      <c r="A23" s="337" t="s">
        <v>534</v>
      </c>
      <c r="B23" s="342"/>
    </row>
    <row r="24" spans="1:2" ht="44.25" customHeight="1" thickBot="1" x14ac:dyDescent="0.3">
      <c r="A24" s="341" t="s">
        <v>535</v>
      </c>
      <c r="B24" s="342" t="s">
        <v>812</v>
      </c>
    </row>
    <row r="25" spans="1:2" x14ac:dyDescent="0.25">
      <c r="A25" s="273" t="s">
        <v>766</v>
      </c>
      <c r="B25" s="274"/>
    </row>
    <row r="26" spans="1:2" x14ac:dyDescent="0.25">
      <c r="A26" s="273" t="s">
        <v>767</v>
      </c>
      <c r="B26" s="274" t="s">
        <v>813</v>
      </c>
    </row>
    <row r="27" spans="1:2" x14ac:dyDescent="0.25">
      <c r="A27" s="273" t="s">
        <v>768</v>
      </c>
      <c r="B27" s="274"/>
    </row>
    <row r="28" spans="1:2" ht="15.75" thickBot="1" x14ac:dyDescent="0.3">
      <c r="A28" s="337" t="s">
        <v>769</v>
      </c>
      <c r="B28" s="303"/>
    </row>
    <row r="29" spans="1:2" x14ac:dyDescent="0.25">
      <c r="A29" s="273" t="s">
        <v>770</v>
      </c>
      <c r="B29" s="335" t="s">
        <v>759</v>
      </c>
    </row>
    <row r="30" spans="1:2" x14ac:dyDescent="0.25">
      <c r="A30" s="273" t="s">
        <v>771</v>
      </c>
      <c r="B30" s="274"/>
    </row>
    <row r="31" spans="1:2" x14ac:dyDescent="0.25">
      <c r="A31" s="273" t="s">
        <v>513</v>
      </c>
      <c r="B31" s="274"/>
    </row>
    <row r="32" spans="1:2" x14ac:dyDescent="0.25">
      <c r="A32" s="273" t="s">
        <v>772</v>
      </c>
      <c r="B32" s="274"/>
    </row>
    <row r="33" spans="1:2" x14ac:dyDescent="0.25">
      <c r="A33" s="273" t="s">
        <v>773</v>
      </c>
      <c r="B33" s="335"/>
    </row>
    <row r="34" spans="1:2" x14ac:dyDescent="0.25">
      <c r="A34" s="273" t="s">
        <v>774</v>
      </c>
      <c r="B34" s="274"/>
    </row>
    <row r="35" spans="1:2" x14ac:dyDescent="0.25">
      <c r="A35" s="309" t="s">
        <v>775</v>
      </c>
      <c r="B35" s="274"/>
    </row>
    <row r="36" spans="1:2" x14ac:dyDescent="0.25">
      <c r="A36" s="273" t="s">
        <v>776</v>
      </c>
      <c r="B36" s="274"/>
    </row>
    <row r="37" spans="1:2" x14ac:dyDescent="0.25">
      <c r="A37" s="273" t="s">
        <v>517</v>
      </c>
      <c r="B37" s="274"/>
    </row>
    <row r="38" spans="1:2" ht="15.75" thickBot="1" x14ac:dyDescent="0.3">
      <c r="A38" s="337" t="s">
        <v>526</v>
      </c>
      <c r="B38" s="303"/>
    </row>
    <row r="39" spans="1:2" x14ac:dyDescent="0.25">
      <c r="A39" s="273" t="s">
        <v>777</v>
      </c>
      <c r="B39" s="335" t="s">
        <v>760</v>
      </c>
    </row>
    <row r="40" spans="1:2" x14ac:dyDescent="0.25">
      <c r="A40" s="273" t="s">
        <v>778</v>
      </c>
      <c r="B40" s="274"/>
    </row>
    <row r="41" spans="1:2" x14ac:dyDescent="0.25">
      <c r="A41" s="273" t="s">
        <v>513</v>
      </c>
      <c r="B41" s="274"/>
    </row>
    <row r="42" spans="1:2" x14ac:dyDescent="0.25">
      <c r="A42" s="273" t="s">
        <v>779</v>
      </c>
      <c r="B42" s="274"/>
    </row>
    <row r="43" spans="1:2" x14ac:dyDescent="0.25">
      <c r="A43" s="273" t="s">
        <v>780</v>
      </c>
      <c r="B43" s="335"/>
    </row>
    <row r="44" spans="1:2" x14ac:dyDescent="0.25">
      <c r="A44" s="273" t="s">
        <v>781</v>
      </c>
      <c r="B44" s="274"/>
    </row>
    <row r="45" spans="1:2" x14ac:dyDescent="0.25">
      <c r="A45" s="309" t="s">
        <v>782</v>
      </c>
      <c r="B45" s="274"/>
    </row>
    <row r="46" spans="1:2" x14ac:dyDescent="0.25">
      <c r="A46" s="273" t="s">
        <v>783</v>
      </c>
      <c r="B46" s="274"/>
    </row>
    <row r="47" spans="1:2" x14ac:dyDescent="0.25">
      <c r="A47" s="273" t="s">
        <v>517</v>
      </c>
      <c r="B47" s="274"/>
    </row>
    <row r="48" spans="1:2" ht="15.75" thickBot="1" x14ac:dyDescent="0.3">
      <c r="A48" s="337" t="s">
        <v>526</v>
      </c>
      <c r="B48" s="303"/>
    </row>
    <row r="49" spans="1:2" x14ac:dyDescent="0.25">
      <c r="A49" s="273" t="s">
        <v>784</v>
      </c>
      <c r="B49" s="274" t="s">
        <v>814</v>
      </c>
    </row>
    <row r="50" spans="1:2" x14ac:dyDescent="0.25">
      <c r="A50" s="273" t="s">
        <v>785</v>
      </c>
      <c r="B50" s="274"/>
    </row>
    <row r="51" spans="1:2" x14ac:dyDescent="0.25">
      <c r="A51" s="309" t="s">
        <v>786</v>
      </c>
      <c r="B51" s="274"/>
    </row>
    <row r="52" spans="1:2" x14ac:dyDescent="0.25">
      <c r="A52" s="273" t="s">
        <v>787</v>
      </c>
      <c r="B52" s="274"/>
    </row>
    <row r="53" spans="1:2" x14ac:dyDescent="0.25">
      <c r="A53" s="273" t="s">
        <v>788</v>
      </c>
      <c r="B53" s="335"/>
    </row>
    <row r="54" spans="1:2" x14ac:dyDescent="0.25">
      <c r="A54" s="273" t="s">
        <v>786</v>
      </c>
      <c r="B54" s="274"/>
    </row>
    <row r="55" spans="1:2" x14ac:dyDescent="0.25">
      <c r="A55" s="273" t="s">
        <v>787</v>
      </c>
      <c r="B55" s="274"/>
    </row>
    <row r="56" spans="1:2" x14ac:dyDescent="0.25">
      <c r="A56" s="273" t="s">
        <v>789</v>
      </c>
      <c r="B56" s="274"/>
    </row>
    <row r="57" spans="1:2" x14ac:dyDescent="0.25">
      <c r="A57" s="273" t="s">
        <v>786</v>
      </c>
      <c r="B57" s="274"/>
    </row>
    <row r="58" spans="1:2" x14ac:dyDescent="0.25">
      <c r="A58" s="273" t="s">
        <v>787</v>
      </c>
      <c r="B58" s="274"/>
    </row>
    <row r="59" spans="1:2" x14ac:dyDescent="0.25">
      <c r="A59" s="273" t="s">
        <v>790</v>
      </c>
      <c r="B59" s="274"/>
    </row>
    <row r="60" spans="1:2" x14ac:dyDescent="0.25">
      <c r="A60" s="273" t="s">
        <v>791</v>
      </c>
      <c r="B60" s="274"/>
    </row>
    <row r="61" spans="1:2" x14ac:dyDescent="0.25">
      <c r="A61" s="273" t="s">
        <v>787</v>
      </c>
      <c r="B61" s="274"/>
    </row>
    <row r="62" spans="1:2" x14ac:dyDescent="0.25">
      <c r="A62" s="273" t="s">
        <v>792</v>
      </c>
      <c r="B62" s="274"/>
    </row>
    <row r="63" spans="1:2" x14ac:dyDescent="0.25">
      <c r="A63" s="273" t="s">
        <v>793</v>
      </c>
      <c r="B63" s="274"/>
    </row>
    <row r="64" spans="1:2" x14ac:dyDescent="0.25">
      <c r="A64" s="273" t="s">
        <v>787</v>
      </c>
      <c r="B64" s="274"/>
    </row>
    <row r="65" spans="1:2" ht="15.75" thickBot="1" x14ac:dyDescent="0.3">
      <c r="A65" s="337" t="s">
        <v>794</v>
      </c>
      <c r="B65" s="303"/>
    </row>
    <row r="66" spans="1:2" ht="15.75" thickBot="1" x14ac:dyDescent="0.3">
      <c r="A66" s="345" t="s">
        <v>795</v>
      </c>
      <c r="B66" s="346" t="s">
        <v>815</v>
      </c>
    </row>
    <row r="67" spans="1:2" x14ac:dyDescent="0.25">
      <c r="A67" s="339" t="s">
        <v>796</v>
      </c>
      <c r="B67" s="306"/>
    </row>
    <row r="68" spans="1:2" x14ac:dyDescent="0.25">
      <c r="A68" s="339" t="s">
        <v>797</v>
      </c>
      <c r="B68" s="276"/>
    </row>
    <row r="69" spans="1:2" ht="60.75" thickBot="1" x14ac:dyDescent="0.3">
      <c r="A69" s="339" t="s">
        <v>798</v>
      </c>
      <c r="B69" s="322" t="s">
        <v>716</v>
      </c>
    </row>
    <row r="70" spans="1:2" ht="75" customHeight="1" thickBot="1" x14ac:dyDescent="0.3">
      <c r="A70" s="337" t="s">
        <v>799</v>
      </c>
      <c r="B70" s="344"/>
    </row>
    <row r="71" spans="1:2" x14ac:dyDescent="0.25">
      <c r="A71" s="273" t="s">
        <v>800</v>
      </c>
      <c r="B71" s="274"/>
    </row>
    <row r="72" spans="1:2" ht="45.75" thickBot="1" x14ac:dyDescent="0.3">
      <c r="A72" s="337" t="s">
        <v>801</v>
      </c>
      <c r="B72" s="338" t="s">
        <v>816</v>
      </c>
    </row>
    <row r="73" spans="1:2" x14ac:dyDescent="0.25">
      <c r="A73" s="339" t="s">
        <v>802</v>
      </c>
      <c r="B73" s="168"/>
    </row>
    <row r="74" spans="1:2" x14ac:dyDescent="0.25">
      <c r="A74" s="339" t="s">
        <v>803</v>
      </c>
      <c r="B74" s="274" t="s">
        <v>703</v>
      </c>
    </row>
    <row r="75" spans="1:2" x14ac:dyDescent="0.25">
      <c r="A75" s="339" t="s">
        <v>804</v>
      </c>
      <c r="B75" s="334" t="s">
        <v>761</v>
      </c>
    </row>
    <row r="76" spans="1:2" ht="15.75" thickBot="1" x14ac:dyDescent="0.3">
      <c r="A76" s="337" t="s">
        <v>805</v>
      </c>
      <c r="B76" s="303"/>
    </row>
    <row r="77" spans="1:2" x14ac:dyDescent="0.25">
      <c r="A77" s="273" t="s">
        <v>640</v>
      </c>
      <c r="B77" s="274"/>
    </row>
    <row r="78" spans="1:2" x14ac:dyDescent="0.25">
      <c r="A78" s="273" t="s">
        <v>806</v>
      </c>
      <c r="B78" s="274"/>
    </row>
    <row r="79" spans="1:2" x14ac:dyDescent="0.25">
      <c r="A79" s="273" t="s">
        <v>807</v>
      </c>
      <c r="B79" s="274"/>
    </row>
    <row r="80" spans="1:2" ht="30.75" thickBot="1" x14ac:dyDescent="0.3">
      <c r="A80" s="337" t="s">
        <v>808</v>
      </c>
      <c r="B80" s="338" t="s">
        <v>817</v>
      </c>
    </row>
    <row r="81" spans="1:2" x14ac:dyDescent="0.25">
      <c r="A81" s="273" t="s">
        <v>802</v>
      </c>
      <c r="B81" s="274"/>
    </row>
    <row r="82" spans="1:2" x14ac:dyDescent="0.25">
      <c r="A82" s="273" t="s">
        <v>803</v>
      </c>
      <c r="B82" s="274" t="s">
        <v>703</v>
      </c>
    </row>
    <row r="83" spans="1:2" x14ac:dyDescent="0.25">
      <c r="A83" s="273" t="s">
        <v>804</v>
      </c>
      <c r="B83" s="334" t="s">
        <v>761</v>
      </c>
    </row>
    <row r="84" spans="1:2" ht="15.75" thickBot="1" x14ac:dyDescent="0.3">
      <c r="A84" s="337" t="s">
        <v>805</v>
      </c>
      <c r="B84" s="303"/>
    </row>
    <row r="85" spans="1:2" x14ac:dyDescent="0.25">
      <c r="A85" s="273" t="s">
        <v>640</v>
      </c>
      <c r="B85" s="347"/>
    </row>
    <row r="86" spans="1:2" x14ac:dyDescent="0.25">
      <c r="A86" s="273" t="s">
        <v>806</v>
      </c>
      <c r="B86" s="274"/>
    </row>
    <row r="87" spans="1:2" x14ac:dyDescent="0.25">
      <c r="A87" s="273" t="s">
        <v>807</v>
      </c>
      <c r="B87" s="274"/>
    </row>
    <row r="88" spans="1:2" x14ac:dyDescent="0.25">
      <c r="A88" s="273" t="s">
        <v>809</v>
      </c>
      <c r="B88" s="274"/>
    </row>
    <row r="89" spans="1:2" x14ac:dyDescent="0.25">
      <c r="A89" s="273" t="s">
        <v>810</v>
      </c>
      <c r="B89" s="274"/>
    </row>
    <row r="90" spans="1:2" x14ac:dyDescent="0.25">
      <c r="A90" s="273" t="s">
        <v>679</v>
      </c>
      <c r="B90" s="274"/>
    </row>
    <row r="91" spans="1:2" ht="15.75" thickBot="1" x14ac:dyDescent="0.3">
      <c r="A91" s="273" t="s">
        <v>475</v>
      </c>
      <c r="B91" s="307"/>
    </row>
    <row r="92" spans="1:2" x14ac:dyDescent="0.25">
      <c r="A92" s="336"/>
      <c r="B92" s="336"/>
    </row>
  </sheetData>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30C137-DA85-4572-89D9-5E4863EEE63B}">
  <dimension ref="A1:B98"/>
  <sheetViews>
    <sheetView topLeftCell="A17" workbookViewId="0">
      <selection activeCell="A28" sqref="A28"/>
    </sheetView>
  </sheetViews>
  <sheetFormatPr defaultRowHeight="15" x14ac:dyDescent="0.25"/>
  <cols>
    <col min="1" max="1" width="123.85546875" customWidth="1"/>
    <col min="2" max="2" width="102.7109375" customWidth="1"/>
  </cols>
  <sheetData>
    <row r="1" spans="1:2" ht="23.25" x14ac:dyDescent="0.25">
      <c r="A1" s="358" t="s">
        <v>818</v>
      </c>
      <c r="B1" s="349" t="s">
        <v>711</v>
      </c>
    </row>
    <row r="2" spans="1:2" ht="15.75" thickBot="1" x14ac:dyDescent="0.3">
      <c r="A2" s="359"/>
      <c r="B2" s="350" t="s">
        <v>758</v>
      </c>
    </row>
    <row r="3" spans="1:2" ht="15.75" thickBot="1" x14ac:dyDescent="0.3">
      <c r="A3" s="278" t="s">
        <v>476</v>
      </c>
      <c r="B3" s="297" t="s">
        <v>680</v>
      </c>
    </row>
    <row r="4" spans="1:2" ht="15.75" thickBot="1" x14ac:dyDescent="0.3">
      <c r="A4" s="278" t="s">
        <v>828</v>
      </c>
      <c r="B4" s="297" t="s">
        <v>681</v>
      </c>
    </row>
    <row r="5" spans="1:2" ht="75" x14ac:dyDescent="0.25">
      <c r="A5" s="278" t="s">
        <v>829</v>
      </c>
      <c r="B5" s="360" t="s">
        <v>712</v>
      </c>
    </row>
    <row r="6" spans="1:2" ht="15.75" thickBot="1" x14ac:dyDescent="0.3">
      <c r="A6" s="279" t="s">
        <v>830</v>
      </c>
      <c r="B6" s="307"/>
    </row>
    <row r="7" spans="1:2" ht="15.75" thickBot="1" x14ac:dyDescent="0.3">
      <c r="A7" s="275" t="s">
        <v>500</v>
      </c>
      <c r="B7" s="340"/>
    </row>
    <row r="8" spans="1:2" x14ac:dyDescent="0.25">
      <c r="A8" s="278" t="s">
        <v>501</v>
      </c>
      <c r="B8" s="304"/>
    </row>
    <row r="9" spans="1:2" x14ac:dyDescent="0.25">
      <c r="A9" s="278" t="s">
        <v>502</v>
      </c>
      <c r="B9" s="168" t="s">
        <v>872</v>
      </c>
    </row>
    <row r="10" spans="1:2" x14ac:dyDescent="0.25">
      <c r="A10" s="323" t="s">
        <v>503</v>
      </c>
      <c r="B10" s="299" t="s">
        <v>714</v>
      </c>
    </row>
    <row r="11" spans="1:2" x14ac:dyDescent="0.25">
      <c r="A11" s="278" t="s">
        <v>504</v>
      </c>
      <c r="B11" s="304"/>
    </row>
    <row r="12" spans="1:2" x14ac:dyDescent="0.25">
      <c r="A12" s="278" t="s">
        <v>505</v>
      </c>
      <c r="B12" s="304"/>
    </row>
    <row r="13" spans="1:2" x14ac:dyDescent="0.25">
      <c r="A13" s="278" t="s">
        <v>506</v>
      </c>
      <c r="B13" s="304"/>
    </row>
    <row r="14" spans="1:2" x14ac:dyDescent="0.25">
      <c r="A14" s="278" t="s">
        <v>504</v>
      </c>
      <c r="B14" s="304"/>
    </row>
    <row r="15" spans="1:2" ht="15.75" thickBot="1" x14ac:dyDescent="0.3">
      <c r="A15" s="279" t="s">
        <v>507</v>
      </c>
      <c r="B15" s="307"/>
    </row>
    <row r="16" spans="1:2" x14ac:dyDescent="0.25">
      <c r="A16" s="278" t="s">
        <v>508</v>
      </c>
      <c r="B16" s="361"/>
    </row>
    <row r="17" spans="1:2" x14ac:dyDescent="0.25">
      <c r="A17" s="278" t="s">
        <v>502</v>
      </c>
      <c r="B17" s="348" t="s">
        <v>819</v>
      </c>
    </row>
    <row r="18" spans="1:2" x14ac:dyDescent="0.25">
      <c r="A18" s="278" t="s">
        <v>509</v>
      </c>
      <c r="B18" s="304"/>
    </row>
    <row r="19" spans="1:2" x14ac:dyDescent="0.25">
      <c r="A19" s="278" t="s">
        <v>504</v>
      </c>
      <c r="B19" s="304"/>
    </row>
    <row r="20" spans="1:2" ht="15.75" thickBot="1" x14ac:dyDescent="0.3">
      <c r="A20" s="279" t="s">
        <v>528</v>
      </c>
      <c r="B20" s="319" t="s">
        <v>714</v>
      </c>
    </row>
    <row r="21" spans="1:2" x14ac:dyDescent="0.25">
      <c r="A21" s="278" t="s">
        <v>529</v>
      </c>
      <c r="B21" s="304"/>
    </row>
    <row r="22" spans="1:2" x14ac:dyDescent="0.25">
      <c r="A22" s="278" t="s">
        <v>530</v>
      </c>
      <c r="B22" s="300"/>
    </row>
    <row r="23" spans="1:2" x14ac:dyDescent="0.25">
      <c r="A23" s="278" t="s">
        <v>531</v>
      </c>
      <c r="B23" s="299"/>
    </row>
    <row r="24" spans="1:2" x14ac:dyDescent="0.25">
      <c r="A24" s="278" t="s">
        <v>504</v>
      </c>
      <c r="B24" s="304"/>
    </row>
    <row r="25" spans="1:2" x14ac:dyDescent="0.25">
      <c r="A25" s="278" t="s">
        <v>532</v>
      </c>
      <c r="B25" s="304"/>
    </row>
    <row r="26" spans="1:2" x14ac:dyDescent="0.25">
      <c r="A26" s="278" t="s">
        <v>533</v>
      </c>
      <c r="B26" s="304"/>
    </row>
    <row r="27" spans="1:2" ht="15.75" thickBot="1" x14ac:dyDescent="0.3">
      <c r="A27" s="279" t="s">
        <v>534</v>
      </c>
      <c r="B27" s="307"/>
    </row>
    <row r="28" spans="1:2" ht="30.75" thickBot="1" x14ac:dyDescent="0.3">
      <c r="A28" s="278" t="s">
        <v>535</v>
      </c>
      <c r="B28" s="362" t="s">
        <v>873</v>
      </c>
    </row>
    <row r="29" spans="1:2" x14ac:dyDescent="0.25">
      <c r="A29" s="278" t="s">
        <v>831</v>
      </c>
      <c r="B29" s="276" t="s">
        <v>820</v>
      </c>
    </row>
    <row r="30" spans="1:2" x14ac:dyDescent="0.25">
      <c r="A30" s="278" t="s">
        <v>832</v>
      </c>
      <c r="B30" s="276" t="s">
        <v>821</v>
      </c>
    </row>
    <row r="31" spans="1:2" x14ac:dyDescent="0.25">
      <c r="A31" s="278" t="s">
        <v>833</v>
      </c>
      <c r="B31" s="276" t="s">
        <v>822</v>
      </c>
    </row>
    <row r="32" spans="1:2" x14ac:dyDescent="0.25">
      <c r="A32" s="278" t="s">
        <v>834</v>
      </c>
      <c r="B32" s="276" t="s">
        <v>874</v>
      </c>
    </row>
    <row r="33" spans="1:2" x14ac:dyDescent="0.25">
      <c r="A33" s="278" t="s">
        <v>835</v>
      </c>
      <c r="B33" s="276"/>
    </row>
    <row r="34" spans="1:2" ht="15.75" thickBot="1" x14ac:dyDescent="0.3">
      <c r="A34" s="279"/>
      <c r="B34" s="340"/>
    </row>
    <row r="35" spans="1:2" x14ac:dyDescent="0.25">
      <c r="A35" s="323" t="s">
        <v>836</v>
      </c>
      <c r="B35" s="360"/>
    </row>
    <row r="36" spans="1:2" x14ac:dyDescent="0.25">
      <c r="A36" s="278" t="s">
        <v>837</v>
      </c>
      <c r="B36" s="299" t="s">
        <v>875</v>
      </c>
    </row>
    <row r="37" spans="1:2" x14ac:dyDescent="0.25">
      <c r="A37" s="278" t="s">
        <v>838</v>
      </c>
      <c r="B37" s="313"/>
    </row>
    <row r="38" spans="1:2" x14ac:dyDescent="0.25">
      <c r="A38" s="278" t="s">
        <v>839</v>
      </c>
      <c r="B38" s="276"/>
    </row>
    <row r="39" spans="1:2" ht="15.75" thickBot="1" x14ac:dyDescent="0.3">
      <c r="A39" s="279" t="s">
        <v>840</v>
      </c>
      <c r="B39" s="340"/>
    </row>
    <row r="40" spans="1:2" x14ac:dyDescent="0.25">
      <c r="A40" s="278" t="s">
        <v>841</v>
      </c>
      <c r="B40" s="276"/>
    </row>
    <row r="41" spans="1:2" ht="45" x14ac:dyDescent="0.25">
      <c r="A41" s="278" t="s">
        <v>842</v>
      </c>
      <c r="B41" s="352" t="s">
        <v>823</v>
      </c>
    </row>
    <row r="42" spans="1:2" x14ac:dyDescent="0.25">
      <c r="A42" s="278" t="s">
        <v>843</v>
      </c>
      <c r="B42" s="299" t="s">
        <v>824</v>
      </c>
    </row>
    <row r="43" spans="1:2" x14ac:dyDescent="0.25">
      <c r="A43" s="278" t="s">
        <v>844</v>
      </c>
      <c r="B43" s="283"/>
    </row>
    <row r="44" spans="1:2" x14ac:dyDescent="0.25">
      <c r="A44" s="278" t="s">
        <v>845</v>
      </c>
      <c r="B44" s="353" t="s">
        <v>876</v>
      </c>
    </row>
    <row r="45" spans="1:2" x14ac:dyDescent="0.25">
      <c r="A45" s="278" t="s">
        <v>846</v>
      </c>
      <c r="B45" s="354" t="s">
        <v>877</v>
      </c>
    </row>
    <row r="46" spans="1:2" x14ac:dyDescent="0.25">
      <c r="A46" s="278" t="s">
        <v>847</v>
      </c>
      <c r="B46" s="355"/>
    </row>
    <row r="47" spans="1:2" x14ac:dyDescent="0.25">
      <c r="A47" s="278" t="s">
        <v>848</v>
      </c>
      <c r="B47" s="354" t="s">
        <v>321</v>
      </c>
    </row>
    <row r="48" spans="1:2" x14ac:dyDescent="0.25">
      <c r="A48" s="278" t="s">
        <v>849</v>
      </c>
      <c r="B48" s="276" t="s">
        <v>825</v>
      </c>
    </row>
    <row r="49" spans="1:2" x14ac:dyDescent="0.25">
      <c r="A49" s="278" t="s">
        <v>850</v>
      </c>
      <c r="B49" s="304"/>
    </row>
    <row r="50" spans="1:2" x14ac:dyDescent="0.25">
      <c r="A50" s="278" t="s">
        <v>851</v>
      </c>
      <c r="B50" s="304"/>
    </row>
    <row r="51" spans="1:2" x14ac:dyDescent="0.25">
      <c r="A51" s="278" t="s">
        <v>852</v>
      </c>
      <c r="B51" s="304"/>
    </row>
    <row r="52" spans="1:2" x14ac:dyDescent="0.25">
      <c r="A52" s="278" t="s">
        <v>853</v>
      </c>
      <c r="B52" s="304"/>
    </row>
    <row r="53" spans="1:2" x14ac:dyDescent="0.25">
      <c r="A53" s="278" t="s">
        <v>854</v>
      </c>
      <c r="B53" s="304"/>
    </row>
    <row r="54" spans="1:2" x14ac:dyDescent="0.25">
      <c r="A54" s="278" t="s">
        <v>855</v>
      </c>
      <c r="B54" s="304"/>
    </row>
    <row r="55" spans="1:2" x14ac:dyDescent="0.25">
      <c r="A55" s="278" t="s">
        <v>856</v>
      </c>
      <c r="B55" s="356"/>
    </row>
    <row r="56" spans="1:2" x14ac:dyDescent="0.25">
      <c r="A56" s="278" t="s">
        <v>857</v>
      </c>
      <c r="B56" s="357"/>
    </row>
    <row r="57" spans="1:2" x14ac:dyDescent="0.25">
      <c r="A57" s="278" t="s">
        <v>858</v>
      </c>
      <c r="B57" s="304"/>
    </row>
    <row r="58" spans="1:2" x14ac:dyDescent="0.25">
      <c r="A58" s="278" t="s">
        <v>642</v>
      </c>
      <c r="B58" s="276" t="s">
        <v>826</v>
      </c>
    </row>
    <row r="59" spans="1:2" x14ac:dyDescent="0.25">
      <c r="A59" s="278" t="s">
        <v>859</v>
      </c>
      <c r="B59" s="304"/>
    </row>
    <row r="60" spans="1:2" x14ac:dyDescent="0.25">
      <c r="A60" s="278" t="s">
        <v>860</v>
      </c>
      <c r="B60" s="276"/>
    </row>
    <row r="61" spans="1:2" x14ac:dyDescent="0.25">
      <c r="A61" s="278" t="s">
        <v>861</v>
      </c>
    </row>
    <row r="62" spans="1:2" ht="15.75" thickBot="1" x14ac:dyDescent="0.3">
      <c r="A62" s="278" t="s">
        <v>862</v>
      </c>
      <c r="B62" s="314"/>
    </row>
    <row r="63" spans="1:2" x14ac:dyDescent="0.25">
      <c r="A63" s="278" t="s">
        <v>863</v>
      </c>
      <c r="B63" s="299" t="s">
        <v>827</v>
      </c>
    </row>
    <row r="64" spans="1:2" x14ac:dyDescent="0.25">
      <c r="A64" s="363" t="s">
        <v>864</v>
      </c>
      <c r="B64" s="364" t="s">
        <v>878</v>
      </c>
    </row>
    <row r="65" spans="1:2" x14ac:dyDescent="0.25">
      <c r="A65" s="278" t="s">
        <v>865</v>
      </c>
      <c r="B65" s="283"/>
    </row>
    <row r="66" spans="1:2" ht="45" x14ac:dyDescent="0.25">
      <c r="A66" s="278" t="s">
        <v>866</v>
      </c>
      <c r="B66" s="352" t="s">
        <v>823</v>
      </c>
    </row>
    <row r="67" spans="1:2" x14ac:dyDescent="0.25">
      <c r="A67" s="278" t="s">
        <v>842</v>
      </c>
      <c r="B67" s="283"/>
    </row>
    <row r="68" spans="1:2" x14ac:dyDescent="0.25">
      <c r="A68" s="278" t="s">
        <v>867</v>
      </c>
      <c r="B68" s="283"/>
    </row>
    <row r="69" spans="1:2" x14ac:dyDescent="0.25">
      <c r="A69" s="278" t="s">
        <v>844</v>
      </c>
      <c r="B69" s="283"/>
    </row>
    <row r="70" spans="1:2" x14ac:dyDescent="0.25">
      <c r="A70" s="278" t="s">
        <v>845</v>
      </c>
      <c r="B70" s="353" t="s">
        <v>876</v>
      </c>
    </row>
    <row r="71" spans="1:2" x14ac:dyDescent="0.25">
      <c r="A71" s="278" t="s">
        <v>846</v>
      </c>
      <c r="B71" s="354" t="s">
        <v>877</v>
      </c>
    </row>
    <row r="72" spans="1:2" ht="15.75" thickBot="1" x14ac:dyDescent="0.3">
      <c r="A72" s="278" t="s">
        <v>847</v>
      </c>
      <c r="B72" s="196"/>
    </row>
    <row r="73" spans="1:2" x14ac:dyDescent="0.25">
      <c r="A73" s="278" t="s">
        <v>848</v>
      </c>
      <c r="B73" s="354" t="s">
        <v>321</v>
      </c>
    </row>
    <row r="74" spans="1:2" x14ac:dyDescent="0.25">
      <c r="A74" s="278" t="s">
        <v>849</v>
      </c>
      <c r="B74" s="276" t="s">
        <v>825</v>
      </c>
    </row>
    <row r="75" spans="1:2" x14ac:dyDescent="0.25">
      <c r="A75" s="278" t="s">
        <v>850</v>
      </c>
      <c r="B75" s="195"/>
    </row>
    <row r="76" spans="1:2" x14ac:dyDescent="0.25">
      <c r="A76" s="278" t="s">
        <v>851</v>
      </c>
      <c r="B76" s="195"/>
    </row>
    <row r="77" spans="1:2" x14ac:dyDescent="0.25">
      <c r="A77" s="278" t="s">
        <v>852</v>
      </c>
      <c r="B77" s="195"/>
    </row>
    <row r="78" spans="1:2" x14ac:dyDescent="0.25">
      <c r="A78" s="278" t="s">
        <v>853</v>
      </c>
      <c r="B78" s="195"/>
    </row>
    <row r="79" spans="1:2" x14ac:dyDescent="0.25">
      <c r="A79" s="278" t="s">
        <v>854</v>
      </c>
      <c r="B79" s="195"/>
    </row>
    <row r="80" spans="1:2" x14ac:dyDescent="0.25">
      <c r="A80" s="278" t="s">
        <v>868</v>
      </c>
      <c r="B80" s="195"/>
    </row>
    <row r="81" spans="1:2" x14ac:dyDescent="0.25">
      <c r="A81" s="278" t="s">
        <v>856</v>
      </c>
      <c r="B81" s="195"/>
    </row>
    <row r="82" spans="1:2" x14ac:dyDescent="0.25">
      <c r="A82" s="278" t="s">
        <v>857</v>
      </c>
      <c r="B82" s="195"/>
    </row>
    <row r="83" spans="1:2" x14ac:dyDescent="0.25">
      <c r="A83" s="278" t="s">
        <v>858</v>
      </c>
      <c r="B83" s="195"/>
    </row>
    <row r="84" spans="1:2" x14ac:dyDescent="0.25">
      <c r="A84" s="278" t="s">
        <v>642</v>
      </c>
      <c r="B84" s="195"/>
    </row>
    <row r="85" spans="1:2" x14ac:dyDescent="0.25">
      <c r="A85" s="278" t="s">
        <v>859</v>
      </c>
      <c r="B85" s="195"/>
    </row>
    <row r="86" spans="1:2" x14ac:dyDescent="0.25">
      <c r="A86" s="278" t="s">
        <v>860</v>
      </c>
      <c r="B86" s="195"/>
    </row>
    <row r="87" spans="1:2" x14ac:dyDescent="0.25">
      <c r="A87" s="278" t="s">
        <v>861</v>
      </c>
      <c r="B87" s="195"/>
    </row>
    <row r="88" spans="1:2" x14ac:dyDescent="0.25">
      <c r="A88" s="278" t="s">
        <v>862</v>
      </c>
      <c r="B88" s="195"/>
    </row>
    <row r="89" spans="1:2" x14ac:dyDescent="0.25">
      <c r="A89" s="278" t="s">
        <v>863</v>
      </c>
      <c r="B89" s="195"/>
    </row>
    <row r="90" spans="1:2" x14ac:dyDescent="0.25">
      <c r="A90" s="278" t="s">
        <v>864</v>
      </c>
      <c r="B90" s="290" t="s">
        <v>878</v>
      </c>
    </row>
    <row r="91" spans="1:2" x14ac:dyDescent="0.25">
      <c r="A91" s="278" t="s">
        <v>865</v>
      </c>
      <c r="B91" s="195"/>
    </row>
    <row r="92" spans="1:2" x14ac:dyDescent="0.25">
      <c r="A92" s="278" t="s">
        <v>869</v>
      </c>
      <c r="B92" s="195"/>
    </row>
    <row r="93" spans="1:2" x14ac:dyDescent="0.25">
      <c r="A93" s="278" t="s">
        <v>490</v>
      </c>
      <c r="B93" s="195"/>
    </row>
    <row r="94" spans="1:2" x14ac:dyDescent="0.25">
      <c r="A94" s="278" t="s">
        <v>870</v>
      </c>
      <c r="B94" s="195"/>
    </row>
    <row r="95" spans="1:2" x14ac:dyDescent="0.25">
      <c r="A95" s="278" t="s">
        <v>491</v>
      </c>
      <c r="B95" s="195"/>
    </row>
    <row r="96" spans="1:2" x14ac:dyDescent="0.25">
      <c r="A96" s="278" t="s">
        <v>871</v>
      </c>
      <c r="B96" s="195"/>
    </row>
    <row r="97" spans="1:2" x14ac:dyDescent="0.25">
      <c r="A97" s="278" t="s">
        <v>679</v>
      </c>
      <c r="B97" s="195"/>
    </row>
    <row r="98" spans="1:2" ht="15.75" thickBot="1" x14ac:dyDescent="0.3">
      <c r="A98" s="279" t="s">
        <v>475</v>
      </c>
      <c r="B98" s="196"/>
    </row>
  </sheetData>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FB264F-4088-4851-BF2F-89CFEFA5B42C}">
  <dimension ref="A1:B93"/>
  <sheetViews>
    <sheetView topLeftCell="A42" workbookViewId="0">
      <selection activeCell="A50" sqref="A50"/>
    </sheetView>
  </sheetViews>
  <sheetFormatPr defaultRowHeight="15" x14ac:dyDescent="0.25"/>
  <cols>
    <col min="1" max="1" width="123.85546875" customWidth="1"/>
    <col min="2" max="2" width="102.7109375" customWidth="1"/>
  </cols>
  <sheetData>
    <row r="1" spans="1:2" ht="23.25" x14ac:dyDescent="0.25">
      <c r="A1" s="358" t="s">
        <v>879</v>
      </c>
      <c r="B1" s="349" t="s">
        <v>711</v>
      </c>
    </row>
    <row r="2" spans="1:2" ht="15.75" thickBot="1" x14ac:dyDescent="0.3">
      <c r="A2" s="359"/>
      <c r="B2" s="350" t="s">
        <v>758</v>
      </c>
    </row>
    <row r="3" spans="1:2" ht="15.75" thickBot="1" x14ac:dyDescent="0.3">
      <c r="A3" s="275" t="s">
        <v>880</v>
      </c>
      <c r="B3" s="297" t="s">
        <v>680</v>
      </c>
    </row>
    <row r="4" spans="1:2" ht="15.75" thickBot="1" x14ac:dyDescent="0.3">
      <c r="A4" s="275" t="s">
        <v>881</v>
      </c>
      <c r="B4" s="297" t="s">
        <v>681</v>
      </c>
    </row>
    <row r="5" spans="1:2" ht="75" x14ac:dyDescent="0.25">
      <c r="A5" s="277" t="s">
        <v>882</v>
      </c>
      <c r="B5" s="360" t="s">
        <v>712</v>
      </c>
    </row>
    <row r="6" spans="1:2" ht="15.75" thickBot="1" x14ac:dyDescent="0.3">
      <c r="A6" s="365" t="s">
        <v>883</v>
      </c>
      <c r="B6" s="351"/>
    </row>
    <row r="7" spans="1:2" ht="15.75" thickBot="1" x14ac:dyDescent="0.3">
      <c r="A7" s="367" t="s">
        <v>884</v>
      </c>
      <c r="B7" s="297"/>
    </row>
    <row r="8" spans="1:2" x14ac:dyDescent="0.25">
      <c r="A8" s="339" t="s">
        <v>478</v>
      </c>
      <c r="B8" s="304"/>
    </row>
    <row r="9" spans="1:2" x14ac:dyDescent="0.25">
      <c r="A9" s="339" t="s">
        <v>885</v>
      </c>
      <c r="B9" s="168" t="s">
        <v>872</v>
      </c>
    </row>
    <row r="10" spans="1:2" x14ac:dyDescent="0.25">
      <c r="A10" s="339" t="s">
        <v>480</v>
      </c>
      <c r="B10" s="299" t="s">
        <v>714</v>
      </c>
    </row>
    <row r="11" spans="1:2" x14ac:dyDescent="0.25">
      <c r="A11" s="339" t="s">
        <v>481</v>
      </c>
      <c r="B11" s="304"/>
    </row>
    <row r="12" spans="1:2" x14ac:dyDescent="0.25">
      <c r="A12" s="339" t="s">
        <v>886</v>
      </c>
      <c r="B12" s="304"/>
    </row>
    <row r="13" spans="1:2" x14ac:dyDescent="0.25">
      <c r="A13" s="339" t="s">
        <v>479</v>
      </c>
      <c r="B13" s="304"/>
    </row>
    <row r="14" spans="1:2" x14ac:dyDescent="0.25">
      <c r="A14" s="339" t="s">
        <v>481</v>
      </c>
      <c r="B14" s="304"/>
    </row>
    <row r="15" spans="1:2" x14ac:dyDescent="0.25">
      <c r="A15" s="343" t="s">
        <v>887</v>
      </c>
      <c r="B15" s="300"/>
    </row>
    <row r="16" spans="1:2" x14ac:dyDescent="0.25">
      <c r="A16" s="339" t="s">
        <v>888</v>
      </c>
      <c r="B16" s="368"/>
    </row>
    <row r="17" spans="1:2" x14ac:dyDescent="0.25">
      <c r="A17" s="339" t="s">
        <v>481</v>
      </c>
      <c r="B17" s="348" t="s">
        <v>819</v>
      </c>
    </row>
    <row r="18" spans="1:2" ht="15.75" thickBot="1" x14ac:dyDescent="0.3">
      <c r="A18" s="365" t="s">
        <v>482</v>
      </c>
      <c r="B18" s="307"/>
    </row>
    <row r="19" spans="1:2" x14ac:dyDescent="0.25">
      <c r="A19" s="339" t="s">
        <v>486</v>
      </c>
      <c r="B19" s="304"/>
    </row>
    <row r="20" spans="1:2" x14ac:dyDescent="0.25">
      <c r="A20" s="339" t="s">
        <v>886</v>
      </c>
      <c r="B20" s="302" t="s">
        <v>714</v>
      </c>
    </row>
    <row r="21" spans="1:2" x14ac:dyDescent="0.25">
      <c r="A21" s="339" t="s">
        <v>889</v>
      </c>
      <c r="B21" s="304"/>
    </row>
    <row r="22" spans="1:2" x14ac:dyDescent="0.25">
      <c r="A22" s="339" t="s">
        <v>481</v>
      </c>
      <c r="B22" s="304"/>
    </row>
    <row r="23" spans="1:2" x14ac:dyDescent="0.25">
      <c r="A23" s="339" t="s">
        <v>887</v>
      </c>
      <c r="B23" s="299"/>
    </row>
    <row r="24" spans="1:2" x14ac:dyDescent="0.25">
      <c r="A24" s="339" t="s">
        <v>890</v>
      </c>
      <c r="B24" s="304"/>
    </row>
    <row r="25" spans="1:2" x14ac:dyDescent="0.25">
      <c r="A25" s="339" t="s">
        <v>481</v>
      </c>
      <c r="B25" s="304"/>
    </row>
    <row r="26" spans="1:2" x14ac:dyDescent="0.25">
      <c r="A26" s="339" t="s">
        <v>487</v>
      </c>
      <c r="B26" s="304"/>
    </row>
    <row r="27" spans="1:2" x14ac:dyDescent="0.25">
      <c r="A27" s="339" t="s">
        <v>488</v>
      </c>
      <c r="B27" s="300"/>
    </row>
    <row r="28" spans="1:2" ht="15.75" thickBot="1" x14ac:dyDescent="0.3">
      <c r="A28" s="365" t="s">
        <v>489</v>
      </c>
      <c r="B28" s="351"/>
    </row>
    <row r="29" spans="1:2" ht="30.75" thickBot="1" x14ac:dyDescent="0.3">
      <c r="A29" s="366" t="s">
        <v>891</v>
      </c>
      <c r="B29" s="362" t="s">
        <v>873</v>
      </c>
    </row>
    <row r="30" spans="1:2" x14ac:dyDescent="0.25">
      <c r="A30" s="339" t="s">
        <v>892</v>
      </c>
      <c r="B30" s="276"/>
    </row>
    <row r="31" spans="1:2" x14ac:dyDescent="0.25">
      <c r="A31" s="339" t="s">
        <v>893</v>
      </c>
      <c r="B31" s="276" t="s">
        <v>926</v>
      </c>
    </row>
    <row r="32" spans="1:2" x14ac:dyDescent="0.25">
      <c r="A32" s="339" t="s">
        <v>894</v>
      </c>
      <c r="B32" s="276" t="s">
        <v>927</v>
      </c>
    </row>
    <row r="33" spans="1:2" x14ac:dyDescent="0.25">
      <c r="A33" s="339" t="s">
        <v>895</v>
      </c>
      <c r="B33" s="276"/>
    </row>
    <row r="34" spans="1:2" ht="15.75" thickBot="1" x14ac:dyDescent="0.3">
      <c r="A34" s="365" t="s">
        <v>896</v>
      </c>
      <c r="B34" s="318"/>
    </row>
    <row r="35" spans="1:2" x14ac:dyDescent="0.25">
      <c r="A35" s="339" t="s">
        <v>493</v>
      </c>
      <c r="B35" s="276"/>
    </row>
    <row r="36" spans="1:2" x14ac:dyDescent="0.25">
      <c r="A36" s="339" t="s">
        <v>494</v>
      </c>
      <c r="B36" s="352" t="s">
        <v>928</v>
      </c>
    </row>
    <row r="37" spans="1:2" x14ac:dyDescent="0.25">
      <c r="A37" s="343" t="s">
        <v>495</v>
      </c>
      <c r="B37" s="352" t="s">
        <v>702</v>
      </c>
    </row>
    <row r="38" spans="1:2" ht="15.75" thickBot="1" x14ac:dyDescent="0.3">
      <c r="A38" s="365" t="s">
        <v>496</v>
      </c>
      <c r="B38" s="196"/>
    </row>
    <row r="39" spans="1:2" x14ac:dyDescent="0.25">
      <c r="A39" s="339" t="s">
        <v>897</v>
      </c>
      <c r="B39" s="354" t="s">
        <v>321</v>
      </c>
    </row>
    <row r="40" spans="1:2" x14ac:dyDescent="0.25">
      <c r="A40" s="339" t="s">
        <v>898</v>
      </c>
      <c r="B40" s="354"/>
    </row>
    <row r="41" spans="1:2" x14ac:dyDescent="0.25">
      <c r="A41" s="339" t="s">
        <v>899</v>
      </c>
      <c r="B41" s="369" t="s">
        <v>406</v>
      </c>
    </row>
    <row r="42" spans="1:2" x14ac:dyDescent="0.25">
      <c r="A42" s="339" t="s">
        <v>900</v>
      </c>
      <c r="B42" s="354"/>
    </row>
    <row r="43" spans="1:2" x14ac:dyDescent="0.25">
      <c r="A43" s="339" t="s">
        <v>901</v>
      </c>
      <c r="B43" s="276"/>
    </row>
    <row r="44" spans="1:2" x14ac:dyDescent="0.25">
      <c r="A44" s="339" t="s">
        <v>902</v>
      </c>
      <c r="B44" s="304"/>
    </row>
    <row r="45" spans="1:2" ht="15.75" thickBot="1" x14ac:dyDescent="0.3">
      <c r="A45" s="365" t="s">
        <v>903</v>
      </c>
      <c r="B45" s="324"/>
    </row>
    <row r="46" spans="1:2" x14ac:dyDescent="0.25">
      <c r="A46" s="343" t="s">
        <v>904</v>
      </c>
      <c r="B46" s="274" t="s">
        <v>929</v>
      </c>
    </row>
    <row r="47" spans="1:2" x14ac:dyDescent="0.25">
      <c r="A47" s="339" t="s">
        <v>905</v>
      </c>
      <c r="B47" s="304"/>
    </row>
    <row r="48" spans="1:2" x14ac:dyDescent="0.25">
      <c r="A48" s="339" t="s">
        <v>483</v>
      </c>
      <c r="B48" s="368"/>
    </row>
    <row r="49" spans="1:2" x14ac:dyDescent="0.25">
      <c r="A49" s="339" t="s">
        <v>906</v>
      </c>
      <c r="B49" s="304"/>
    </row>
    <row r="50" spans="1:2" x14ac:dyDescent="0.25">
      <c r="A50" s="343" t="s">
        <v>907</v>
      </c>
      <c r="B50" s="300"/>
    </row>
    <row r="51" spans="1:2" x14ac:dyDescent="0.25">
      <c r="A51" s="339" t="s">
        <v>908</v>
      </c>
      <c r="B51" s="302"/>
    </row>
    <row r="52" spans="1:2" x14ac:dyDescent="0.25">
      <c r="A52" s="339" t="s">
        <v>909</v>
      </c>
      <c r="B52" s="304"/>
    </row>
    <row r="53" spans="1:2" x14ac:dyDescent="0.25">
      <c r="A53" s="339" t="s">
        <v>910</v>
      </c>
      <c r="B53" s="276"/>
    </row>
    <row r="54" spans="1:2" x14ac:dyDescent="0.25">
      <c r="A54" s="339" t="s">
        <v>484</v>
      </c>
      <c r="B54" s="304"/>
    </row>
    <row r="55" spans="1:2" x14ac:dyDescent="0.25">
      <c r="A55" s="339" t="s">
        <v>911</v>
      </c>
      <c r="B55" s="274"/>
    </row>
    <row r="56" spans="1:2" x14ac:dyDescent="0.25">
      <c r="A56" s="339" t="s">
        <v>912</v>
      </c>
      <c r="B56" s="195"/>
    </row>
    <row r="57" spans="1:2" x14ac:dyDescent="0.25">
      <c r="A57" s="339" t="s">
        <v>492</v>
      </c>
      <c r="B57" s="300"/>
    </row>
    <row r="58" spans="1:2" ht="15.75" thickBot="1" x14ac:dyDescent="0.3">
      <c r="A58" s="365" t="s">
        <v>485</v>
      </c>
      <c r="B58" s="319"/>
    </row>
    <row r="59" spans="1:2" x14ac:dyDescent="0.25">
      <c r="A59" s="339" t="s">
        <v>913</v>
      </c>
      <c r="B59" s="276" t="s">
        <v>930</v>
      </c>
    </row>
    <row r="60" spans="1:2" x14ac:dyDescent="0.25">
      <c r="A60" s="339" t="s">
        <v>914</v>
      </c>
      <c r="B60" s="283"/>
    </row>
    <row r="61" spans="1:2" x14ac:dyDescent="0.25">
      <c r="A61" s="339" t="s">
        <v>915</v>
      </c>
      <c r="B61" s="352"/>
    </row>
    <row r="62" spans="1:2" x14ac:dyDescent="0.25">
      <c r="A62" s="339" t="s">
        <v>916</v>
      </c>
      <c r="B62" s="328" t="s">
        <v>931</v>
      </c>
    </row>
    <row r="63" spans="1:2" x14ac:dyDescent="0.25">
      <c r="A63" s="339" t="s">
        <v>917</v>
      </c>
      <c r="B63" s="328" t="s">
        <v>932</v>
      </c>
    </row>
    <row r="64" spans="1:2" x14ac:dyDescent="0.25">
      <c r="A64" s="339" t="s">
        <v>497</v>
      </c>
      <c r="B64" s="283"/>
    </row>
    <row r="65" spans="1:2" x14ac:dyDescent="0.25">
      <c r="A65" s="339" t="s">
        <v>918</v>
      </c>
      <c r="B65" s="370"/>
    </row>
    <row r="66" spans="1:2" x14ac:dyDescent="0.25">
      <c r="A66" s="339" t="s">
        <v>919</v>
      </c>
      <c r="B66" s="274"/>
    </row>
    <row r="67" spans="1:2" x14ac:dyDescent="0.25">
      <c r="A67" s="339" t="s">
        <v>920</v>
      </c>
      <c r="B67" s="290" t="s">
        <v>934</v>
      </c>
    </row>
    <row r="68" spans="1:2" x14ac:dyDescent="0.25">
      <c r="A68" s="339" t="s">
        <v>921</v>
      </c>
      <c r="B68" s="274"/>
    </row>
    <row r="69" spans="1:2" x14ac:dyDescent="0.25">
      <c r="A69" s="339" t="s">
        <v>922</v>
      </c>
      <c r="B69" s="276"/>
    </row>
    <row r="70" spans="1:2" x14ac:dyDescent="0.25">
      <c r="A70" s="339" t="s">
        <v>923</v>
      </c>
      <c r="B70" s="283"/>
    </row>
    <row r="71" spans="1:2" x14ac:dyDescent="0.25">
      <c r="A71" s="339" t="s">
        <v>924</v>
      </c>
      <c r="B71" s="283"/>
    </row>
    <row r="72" spans="1:2" x14ac:dyDescent="0.25">
      <c r="A72" s="339" t="s">
        <v>925</v>
      </c>
      <c r="B72" s="195"/>
    </row>
    <row r="73" spans="1:2" ht="15.75" thickBot="1" x14ac:dyDescent="0.3">
      <c r="A73" s="365" t="s">
        <v>475</v>
      </c>
      <c r="B73" s="196"/>
    </row>
    <row r="74" spans="1:2" x14ac:dyDescent="0.25">
      <c r="A74" s="371"/>
    </row>
    <row r="75" spans="1:2" x14ac:dyDescent="0.25">
      <c r="A75" s="372"/>
    </row>
    <row r="76" spans="1:2" x14ac:dyDescent="0.25">
      <c r="A76" s="372"/>
    </row>
    <row r="77" spans="1:2" x14ac:dyDescent="0.25">
      <c r="A77" s="372"/>
    </row>
    <row r="78" spans="1:2" x14ac:dyDescent="0.25">
      <c r="A78" s="372"/>
    </row>
    <row r="79" spans="1:2" x14ac:dyDescent="0.25">
      <c r="A79" s="372"/>
    </row>
    <row r="80" spans="1:2" x14ac:dyDescent="0.25">
      <c r="A80" s="372"/>
    </row>
    <row r="81" spans="1:2" x14ac:dyDescent="0.25">
      <c r="A81" s="372"/>
    </row>
    <row r="82" spans="1:2" x14ac:dyDescent="0.25">
      <c r="A82" s="372"/>
    </row>
    <row r="83" spans="1:2" x14ac:dyDescent="0.25">
      <c r="A83" s="372"/>
    </row>
    <row r="84" spans="1:2" x14ac:dyDescent="0.25">
      <c r="A84" s="372"/>
    </row>
    <row r="85" spans="1:2" x14ac:dyDescent="0.25">
      <c r="A85" s="372"/>
      <c r="B85" s="168"/>
    </row>
    <row r="86" spans="1:2" x14ac:dyDescent="0.25">
      <c r="A86" s="372"/>
    </row>
    <row r="87" spans="1:2" x14ac:dyDescent="0.25">
      <c r="A87" s="372"/>
    </row>
    <row r="88" spans="1:2" x14ac:dyDescent="0.25">
      <c r="A88" s="372"/>
    </row>
    <row r="89" spans="1:2" x14ac:dyDescent="0.25">
      <c r="A89" s="372"/>
    </row>
    <row r="90" spans="1:2" x14ac:dyDescent="0.25">
      <c r="A90" s="372"/>
    </row>
    <row r="91" spans="1:2" x14ac:dyDescent="0.25">
      <c r="A91" s="372"/>
    </row>
    <row r="92" spans="1:2" x14ac:dyDescent="0.25">
      <c r="A92" s="372"/>
    </row>
    <row r="93" spans="1:2" x14ac:dyDescent="0.25">
      <c r="A93" s="273"/>
    </row>
  </sheetData>
  <pageMargins left="0.7" right="0.7" top="0.75" bottom="0.75" header="0.3" footer="0.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EB47C6-B207-4DBE-A23C-905E92AB9F03}">
  <dimension ref="A1:C271"/>
  <sheetViews>
    <sheetView topLeftCell="A112" workbookViewId="0">
      <selection activeCell="B130" sqref="B130"/>
    </sheetView>
  </sheetViews>
  <sheetFormatPr defaultRowHeight="15" x14ac:dyDescent="0.25"/>
  <cols>
    <col min="2" max="2" width="121.28515625" customWidth="1"/>
    <col min="3" max="3" width="118.7109375" customWidth="1"/>
  </cols>
  <sheetData>
    <row r="1" spans="1:3" ht="24" thickBot="1" x14ac:dyDescent="0.3">
      <c r="A1" s="283"/>
      <c r="B1" s="373" t="s">
        <v>943</v>
      </c>
      <c r="C1" s="374" t="s">
        <v>711</v>
      </c>
    </row>
    <row r="2" spans="1:3" ht="15.75" thickBot="1" x14ac:dyDescent="0.3">
      <c r="A2" s="283"/>
      <c r="B2" s="275" t="s">
        <v>944</v>
      </c>
      <c r="C2" s="297" t="s">
        <v>680</v>
      </c>
    </row>
    <row r="3" spans="1:3" ht="15.75" thickBot="1" x14ac:dyDescent="0.3">
      <c r="A3" s="283"/>
      <c r="B3" s="275" t="s">
        <v>945</v>
      </c>
      <c r="C3" s="297" t="s">
        <v>681</v>
      </c>
    </row>
    <row r="4" spans="1:3" ht="75.75" thickBot="1" x14ac:dyDescent="0.3">
      <c r="A4" s="283"/>
      <c r="B4" s="275" t="s">
        <v>500</v>
      </c>
      <c r="C4" s="298" t="s">
        <v>712</v>
      </c>
    </row>
    <row r="5" spans="1:3" x14ac:dyDescent="0.25">
      <c r="A5" s="195"/>
      <c r="B5" s="278" t="s">
        <v>501</v>
      </c>
      <c r="C5" s="276"/>
    </row>
    <row r="6" spans="1:3" x14ac:dyDescent="0.25">
      <c r="A6" s="195"/>
      <c r="B6" s="278" t="s">
        <v>502</v>
      </c>
      <c r="C6" s="375" t="s">
        <v>935</v>
      </c>
    </row>
    <row r="7" spans="1:3" x14ac:dyDescent="0.25">
      <c r="A7" s="195"/>
      <c r="B7" s="278" t="s">
        <v>946</v>
      </c>
      <c r="C7" s="276"/>
    </row>
    <row r="8" spans="1:3" x14ac:dyDescent="0.25">
      <c r="A8" s="195"/>
      <c r="B8" s="278" t="s">
        <v>504</v>
      </c>
      <c r="C8" s="376" t="s">
        <v>936</v>
      </c>
    </row>
    <row r="9" spans="1:3" ht="15.75" thickBot="1" x14ac:dyDescent="0.3">
      <c r="A9" s="195"/>
      <c r="B9" s="279" t="s">
        <v>507</v>
      </c>
      <c r="C9" s="318"/>
    </row>
    <row r="10" spans="1:3" x14ac:dyDescent="0.25">
      <c r="A10" s="195"/>
      <c r="B10" s="278" t="s">
        <v>508</v>
      </c>
      <c r="C10" s="378"/>
    </row>
    <row r="11" spans="1:3" x14ac:dyDescent="0.25">
      <c r="A11" s="195"/>
      <c r="B11" s="278" t="s">
        <v>502</v>
      </c>
      <c r="C11" s="377" t="s">
        <v>937</v>
      </c>
    </row>
    <row r="12" spans="1:3" x14ac:dyDescent="0.25">
      <c r="A12" s="195"/>
      <c r="B12" s="278" t="s">
        <v>946</v>
      </c>
      <c r="C12" s="276"/>
    </row>
    <row r="13" spans="1:3" x14ac:dyDescent="0.25">
      <c r="A13" s="195"/>
      <c r="B13" s="278" t="s">
        <v>504</v>
      </c>
      <c r="C13" s="376" t="s">
        <v>936</v>
      </c>
    </row>
    <row r="14" spans="1:3" x14ac:dyDescent="0.25">
      <c r="A14" s="283"/>
      <c r="B14" s="278" t="s">
        <v>505</v>
      </c>
      <c r="C14" s="276"/>
    </row>
    <row r="15" spans="1:3" x14ac:dyDescent="0.25">
      <c r="A15" s="283"/>
      <c r="B15" s="278" t="s">
        <v>506</v>
      </c>
      <c r="C15" s="276"/>
    </row>
    <row r="16" spans="1:3" x14ac:dyDescent="0.25">
      <c r="A16" s="283"/>
      <c r="B16" s="278" t="s">
        <v>504</v>
      </c>
      <c r="C16" s="276"/>
    </row>
    <row r="17" spans="1:3" ht="15.75" thickBot="1" x14ac:dyDescent="0.3">
      <c r="A17" s="283"/>
      <c r="B17" s="279" t="s">
        <v>528</v>
      </c>
      <c r="C17" s="318"/>
    </row>
    <row r="18" spans="1:3" x14ac:dyDescent="0.25">
      <c r="A18" s="283"/>
      <c r="B18" s="278" t="s">
        <v>529</v>
      </c>
      <c r="C18" s="378"/>
    </row>
    <row r="19" spans="1:3" x14ac:dyDescent="0.25">
      <c r="A19" s="283"/>
      <c r="B19" s="278" t="s">
        <v>502</v>
      </c>
      <c r="C19" s="299" t="s">
        <v>715</v>
      </c>
    </row>
    <row r="20" spans="1:3" x14ac:dyDescent="0.25">
      <c r="A20" s="283"/>
      <c r="B20" s="278" t="s">
        <v>764</v>
      </c>
      <c r="C20" s="276"/>
    </row>
    <row r="21" spans="1:3" x14ac:dyDescent="0.25">
      <c r="A21" s="283"/>
      <c r="B21" s="278" t="s">
        <v>765</v>
      </c>
      <c r="C21" s="304" t="s">
        <v>936</v>
      </c>
    </row>
    <row r="22" spans="1:3" x14ac:dyDescent="0.25">
      <c r="A22" s="283"/>
      <c r="B22" s="273" t="s">
        <v>504</v>
      </c>
      <c r="C22" s="274"/>
    </row>
    <row r="23" spans="1:3" x14ac:dyDescent="0.25">
      <c r="A23" s="283"/>
      <c r="B23" s="273" t="s">
        <v>532</v>
      </c>
      <c r="C23" s="274"/>
    </row>
    <row r="24" spans="1:3" ht="15.75" thickBot="1" x14ac:dyDescent="0.3">
      <c r="A24" s="283"/>
      <c r="B24" s="279" t="s">
        <v>533</v>
      </c>
      <c r="C24" s="318"/>
    </row>
    <row r="25" spans="1:3" ht="15.75" thickBot="1" x14ac:dyDescent="0.3">
      <c r="A25" s="283"/>
      <c r="B25" s="275" t="s">
        <v>534</v>
      </c>
      <c r="C25" s="379"/>
    </row>
    <row r="26" spans="1:3" ht="15.75" thickBot="1" x14ac:dyDescent="0.3">
      <c r="A26" s="283"/>
      <c r="B26" s="275" t="s">
        <v>535</v>
      </c>
      <c r="C26" s="379" t="s">
        <v>938</v>
      </c>
    </row>
    <row r="27" spans="1:3" x14ac:dyDescent="0.25">
      <c r="A27" s="283"/>
      <c r="B27" s="273" t="s">
        <v>947</v>
      </c>
      <c r="C27" s="274"/>
    </row>
    <row r="28" spans="1:3" x14ac:dyDescent="0.25">
      <c r="A28" s="283"/>
      <c r="B28" s="273" t="s">
        <v>948</v>
      </c>
      <c r="C28" s="274" t="s">
        <v>939</v>
      </c>
    </row>
    <row r="29" spans="1:3" x14ac:dyDescent="0.25">
      <c r="A29" s="283"/>
      <c r="B29" s="273" t="s">
        <v>949</v>
      </c>
      <c r="C29" s="274"/>
    </row>
    <row r="30" spans="1:3" ht="15.75" thickBot="1" x14ac:dyDescent="0.3">
      <c r="A30" s="283"/>
      <c r="B30" s="279" t="s">
        <v>950</v>
      </c>
      <c r="C30" s="318"/>
    </row>
    <row r="31" spans="1:3" ht="15.75" thickBot="1" x14ac:dyDescent="0.3">
      <c r="A31" s="283"/>
      <c r="B31" s="275" t="s">
        <v>951</v>
      </c>
      <c r="C31" s="379"/>
    </row>
    <row r="32" spans="1:3" x14ac:dyDescent="0.25">
      <c r="A32" s="283"/>
      <c r="B32" s="277" t="s">
        <v>952</v>
      </c>
    </row>
    <row r="33" spans="1:3" x14ac:dyDescent="0.25">
      <c r="A33" s="283"/>
      <c r="B33" s="278" t="s">
        <v>953</v>
      </c>
      <c r="C33" s="380" t="s">
        <v>1027</v>
      </c>
    </row>
    <row r="34" spans="1:3" x14ac:dyDescent="0.25">
      <c r="A34" s="283"/>
      <c r="B34" s="273" t="s">
        <v>954</v>
      </c>
      <c r="C34" s="274"/>
    </row>
    <row r="35" spans="1:3" x14ac:dyDescent="0.25">
      <c r="A35" s="283"/>
      <c r="B35" s="273" t="s">
        <v>559</v>
      </c>
      <c r="C35" s="274"/>
    </row>
    <row r="36" spans="1:3" x14ac:dyDescent="0.25">
      <c r="A36" s="283"/>
      <c r="B36" s="273" t="s">
        <v>955</v>
      </c>
      <c r="C36" s="274"/>
    </row>
    <row r="37" spans="1:3" x14ac:dyDescent="0.25">
      <c r="A37" s="283"/>
      <c r="B37" s="273" t="s">
        <v>956</v>
      </c>
      <c r="C37" s="274"/>
    </row>
    <row r="38" spans="1:3" x14ac:dyDescent="0.25">
      <c r="A38" s="283"/>
      <c r="B38" s="273" t="s">
        <v>957</v>
      </c>
      <c r="C38" s="274"/>
    </row>
    <row r="39" spans="1:3" x14ac:dyDescent="0.25">
      <c r="A39" s="283"/>
      <c r="B39" s="273" t="s">
        <v>958</v>
      </c>
      <c r="C39" s="274"/>
    </row>
    <row r="40" spans="1:3" x14ac:dyDescent="0.25">
      <c r="A40" s="283"/>
      <c r="B40" s="273" t="s">
        <v>959</v>
      </c>
      <c r="C40" s="334"/>
    </row>
    <row r="41" spans="1:3" x14ac:dyDescent="0.25">
      <c r="A41" s="283"/>
      <c r="B41" s="273" t="s">
        <v>552</v>
      </c>
      <c r="C41" s="274"/>
    </row>
    <row r="42" spans="1:3" x14ac:dyDescent="0.25">
      <c r="A42" s="283"/>
      <c r="B42" s="273" t="s">
        <v>960</v>
      </c>
      <c r="C42" s="274"/>
    </row>
    <row r="43" spans="1:3" ht="15.75" thickBot="1" x14ac:dyDescent="0.3">
      <c r="A43" s="283"/>
      <c r="B43" s="279" t="s">
        <v>961</v>
      </c>
      <c r="C43" s="318"/>
    </row>
    <row r="44" spans="1:3" x14ac:dyDescent="0.25">
      <c r="A44" s="283"/>
      <c r="B44" s="273" t="s">
        <v>952</v>
      </c>
      <c r="C44" s="274"/>
    </row>
    <row r="45" spans="1:3" x14ac:dyDescent="0.25">
      <c r="A45" s="283"/>
      <c r="B45" s="273" t="s">
        <v>962</v>
      </c>
      <c r="C45" s="274" t="s">
        <v>1026</v>
      </c>
    </row>
    <row r="46" spans="1:3" x14ac:dyDescent="0.25">
      <c r="A46" s="283"/>
      <c r="B46" s="278" t="s">
        <v>963</v>
      </c>
      <c r="C46" s="276"/>
    </row>
    <row r="47" spans="1:3" x14ac:dyDescent="0.25">
      <c r="A47" s="283"/>
      <c r="B47" s="278" t="s">
        <v>559</v>
      </c>
    </row>
    <row r="48" spans="1:3" x14ac:dyDescent="0.25">
      <c r="A48" s="283"/>
      <c r="B48" s="278" t="s">
        <v>964</v>
      </c>
      <c r="C48" s="276"/>
    </row>
    <row r="49" spans="1:3" x14ac:dyDescent="0.25">
      <c r="A49" s="283"/>
      <c r="B49" s="273" t="s">
        <v>965</v>
      </c>
      <c r="C49" s="274"/>
    </row>
    <row r="50" spans="1:3" x14ac:dyDescent="0.25">
      <c r="A50" s="283"/>
      <c r="B50" s="273" t="s">
        <v>966</v>
      </c>
      <c r="C50" s="274"/>
    </row>
    <row r="51" spans="1:3" x14ac:dyDescent="0.25">
      <c r="A51" s="283"/>
      <c r="B51" s="273" t="s">
        <v>967</v>
      </c>
      <c r="C51" s="274"/>
    </row>
    <row r="52" spans="1:3" x14ac:dyDescent="0.25">
      <c r="A52" s="283"/>
      <c r="B52" s="273" t="s">
        <v>563</v>
      </c>
      <c r="C52" s="334"/>
    </row>
    <row r="53" spans="1:3" x14ac:dyDescent="0.25">
      <c r="A53" s="283"/>
      <c r="B53" s="273" t="s">
        <v>968</v>
      </c>
      <c r="C53" s="274"/>
    </row>
    <row r="54" spans="1:3" x14ac:dyDescent="0.25">
      <c r="A54" s="283"/>
      <c r="B54" s="273" t="s">
        <v>552</v>
      </c>
      <c r="C54" s="274"/>
    </row>
    <row r="55" spans="1:3" x14ac:dyDescent="0.25">
      <c r="A55" s="283"/>
      <c r="B55" s="273" t="s">
        <v>960</v>
      </c>
      <c r="C55" s="274"/>
    </row>
    <row r="56" spans="1:3" ht="15.75" thickBot="1" x14ac:dyDescent="0.3">
      <c r="A56" s="283"/>
      <c r="B56" s="279" t="s">
        <v>961</v>
      </c>
      <c r="C56" s="318"/>
    </row>
    <row r="57" spans="1:3" x14ac:dyDescent="0.25">
      <c r="A57" s="283"/>
      <c r="B57" s="273" t="s">
        <v>952</v>
      </c>
      <c r="C57" s="274"/>
    </row>
    <row r="58" spans="1:3" x14ac:dyDescent="0.25">
      <c r="A58" s="283"/>
      <c r="B58" s="273" t="s">
        <v>969</v>
      </c>
      <c r="C58" s="274" t="s">
        <v>425</v>
      </c>
    </row>
    <row r="59" spans="1:3" x14ac:dyDescent="0.25">
      <c r="A59" s="283"/>
      <c r="B59" s="273" t="s">
        <v>954</v>
      </c>
      <c r="C59" s="274"/>
    </row>
    <row r="60" spans="1:3" x14ac:dyDescent="0.25">
      <c r="A60" s="283"/>
      <c r="B60" s="273" t="s">
        <v>559</v>
      </c>
      <c r="C60" s="274"/>
    </row>
    <row r="61" spans="1:3" x14ac:dyDescent="0.25">
      <c r="A61" s="283"/>
      <c r="B61" s="273" t="s">
        <v>955</v>
      </c>
      <c r="C61" s="274"/>
    </row>
    <row r="62" spans="1:3" x14ac:dyDescent="0.25">
      <c r="A62" s="283"/>
      <c r="B62" s="273" t="s">
        <v>956</v>
      </c>
      <c r="C62" s="274"/>
    </row>
    <row r="63" spans="1:3" x14ac:dyDescent="0.25">
      <c r="A63" s="283"/>
      <c r="B63" s="273" t="s">
        <v>957</v>
      </c>
      <c r="C63" s="274"/>
    </row>
    <row r="64" spans="1:3" x14ac:dyDescent="0.25">
      <c r="A64" s="283"/>
      <c r="B64" s="273" t="s">
        <v>958</v>
      </c>
      <c r="C64" s="274"/>
    </row>
    <row r="65" spans="1:3" x14ac:dyDescent="0.25">
      <c r="A65" s="283"/>
      <c r="B65" s="273" t="s">
        <v>959</v>
      </c>
      <c r="C65" s="274"/>
    </row>
    <row r="66" spans="1:3" x14ac:dyDescent="0.25">
      <c r="A66" s="283"/>
      <c r="B66" s="273" t="s">
        <v>552</v>
      </c>
      <c r="C66" s="274"/>
    </row>
    <row r="67" spans="1:3" x14ac:dyDescent="0.25">
      <c r="A67" s="283"/>
      <c r="B67" s="273" t="s">
        <v>960</v>
      </c>
      <c r="C67" s="274"/>
    </row>
    <row r="68" spans="1:3" ht="15.75" thickBot="1" x14ac:dyDescent="0.3">
      <c r="A68" s="283"/>
      <c r="B68" s="279" t="s">
        <v>961</v>
      </c>
      <c r="C68" s="318"/>
    </row>
    <row r="69" spans="1:3" x14ac:dyDescent="0.25">
      <c r="A69" s="283"/>
      <c r="B69" s="273" t="s">
        <v>952</v>
      </c>
      <c r="C69" s="274"/>
    </row>
    <row r="70" spans="1:3" x14ac:dyDescent="0.25">
      <c r="A70" s="283"/>
      <c r="B70" s="273" t="s">
        <v>970</v>
      </c>
      <c r="C70" s="274" t="s">
        <v>940</v>
      </c>
    </row>
    <row r="71" spans="1:3" x14ac:dyDescent="0.25">
      <c r="A71" s="283"/>
      <c r="B71" s="273" t="s">
        <v>954</v>
      </c>
      <c r="C71" s="274"/>
    </row>
    <row r="72" spans="1:3" x14ac:dyDescent="0.25">
      <c r="A72" s="283"/>
      <c r="B72" s="273" t="s">
        <v>559</v>
      </c>
      <c r="C72" s="274"/>
    </row>
    <row r="73" spans="1:3" x14ac:dyDescent="0.25">
      <c r="A73" s="283"/>
      <c r="B73" s="273" t="s">
        <v>955</v>
      </c>
      <c r="C73" s="274"/>
    </row>
    <row r="74" spans="1:3" x14ac:dyDescent="0.25">
      <c r="A74" s="283"/>
      <c r="B74" s="273" t="s">
        <v>956</v>
      </c>
      <c r="C74" s="274"/>
    </row>
    <row r="75" spans="1:3" x14ac:dyDescent="0.25">
      <c r="A75" s="283"/>
      <c r="B75" s="273" t="s">
        <v>957</v>
      </c>
      <c r="C75" s="274"/>
    </row>
    <row r="76" spans="1:3" x14ac:dyDescent="0.25">
      <c r="A76" s="283"/>
      <c r="B76" s="273" t="s">
        <v>958</v>
      </c>
      <c r="C76" s="274"/>
    </row>
    <row r="77" spans="1:3" x14ac:dyDescent="0.25">
      <c r="A77" s="283"/>
      <c r="B77" s="273" t="s">
        <v>959</v>
      </c>
      <c r="C77" s="274"/>
    </row>
    <row r="78" spans="1:3" x14ac:dyDescent="0.25">
      <c r="A78" s="283"/>
      <c r="B78" s="273" t="s">
        <v>552</v>
      </c>
      <c r="C78" s="274"/>
    </row>
    <row r="79" spans="1:3" x14ac:dyDescent="0.25">
      <c r="A79" s="283"/>
      <c r="B79" s="273" t="s">
        <v>960</v>
      </c>
      <c r="C79" s="274"/>
    </row>
    <row r="80" spans="1:3" ht="15.75" thickBot="1" x14ac:dyDescent="0.3">
      <c r="A80" s="283"/>
      <c r="B80" s="279" t="s">
        <v>961</v>
      </c>
      <c r="C80" s="318"/>
    </row>
    <row r="81" spans="1:3" x14ac:dyDescent="0.25">
      <c r="A81" s="283"/>
      <c r="B81" s="273" t="s">
        <v>952</v>
      </c>
      <c r="C81" s="274"/>
    </row>
    <row r="82" spans="1:3" x14ac:dyDescent="0.25">
      <c r="A82" s="283"/>
      <c r="B82" s="273" t="s">
        <v>971</v>
      </c>
      <c r="C82" s="274" t="s">
        <v>466</v>
      </c>
    </row>
    <row r="83" spans="1:3" x14ac:dyDescent="0.25">
      <c r="A83" s="283"/>
      <c r="B83" s="273" t="s">
        <v>972</v>
      </c>
      <c r="C83" s="274"/>
    </row>
    <row r="84" spans="1:3" x14ac:dyDescent="0.25">
      <c r="A84" s="283"/>
      <c r="B84" s="273" t="s">
        <v>559</v>
      </c>
      <c r="C84" s="274"/>
    </row>
    <row r="85" spans="1:3" x14ac:dyDescent="0.25">
      <c r="A85" s="283"/>
      <c r="B85" s="273" t="s">
        <v>973</v>
      </c>
      <c r="C85" s="274"/>
    </row>
    <row r="86" spans="1:3" x14ac:dyDescent="0.25">
      <c r="A86" s="283"/>
      <c r="B86" s="273" t="s">
        <v>966</v>
      </c>
      <c r="C86" s="274"/>
    </row>
    <row r="87" spans="1:3" x14ac:dyDescent="0.25">
      <c r="A87" s="283"/>
      <c r="B87" s="273" t="s">
        <v>967</v>
      </c>
      <c r="C87" s="274"/>
    </row>
    <row r="88" spans="1:3" x14ac:dyDescent="0.25">
      <c r="A88" s="283"/>
      <c r="B88" s="273" t="s">
        <v>974</v>
      </c>
      <c r="C88" s="274"/>
    </row>
    <row r="89" spans="1:3" x14ac:dyDescent="0.25">
      <c r="A89" s="283"/>
      <c r="B89" s="273" t="s">
        <v>968</v>
      </c>
      <c r="C89" s="274"/>
    </row>
    <row r="90" spans="1:3" x14ac:dyDescent="0.25">
      <c r="A90" s="283"/>
      <c r="B90" s="273" t="s">
        <v>552</v>
      </c>
      <c r="C90" s="274"/>
    </row>
    <row r="91" spans="1:3" x14ac:dyDescent="0.25">
      <c r="A91" s="283"/>
      <c r="B91" s="273" t="s">
        <v>960</v>
      </c>
      <c r="C91" s="274"/>
    </row>
    <row r="92" spans="1:3" ht="15.75" thickBot="1" x14ac:dyDescent="0.3">
      <c r="A92" s="283"/>
      <c r="B92" s="279" t="s">
        <v>961</v>
      </c>
      <c r="C92" s="318"/>
    </row>
    <row r="93" spans="1:3" x14ac:dyDescent="0.25">
      <c r="A93" s="283"/>
      <c r="B93" s="273" t="s">
        <v>975</v>
      </c>
      <c r="C93" s="274"/>
    </row>
    <row r="94" spans="1:3" x14ac:dyDescent="0.25">
      <c r="A94" s="283"/>
      <c r="B94" s="273" t="s">
        <v>976</v>
      </c>
      <c r="C94" s="274" t="s">
        <v>425</v>
      </c>
    </row>
    <row r="95" spans="1:3" x14ac:dyDescent="0.25">
      <c r="A95" s="283"/>
      <c r="B95" s="273" t="s">
        <v>954</v>
      </c>
      <c r="C95" s="274"/>
    </row>
    <row r="96" spans="1:3" x14ac:dyDescent="0.25">
      <c r="A96" s="283"/>
      <c r="B96" s="273" t="s">
        <v>559</v>
      </c>
      <c r="C96" s="274"/>
    </row>
    <row r="97" spans="1:3" x14ac:dyDescent="0.25">
      <c r="A97" s="283"/>
      <c r="B97" s="273" t="s">
        <v>955</v>
      </c>
      <c r="C97" s="274"/>
    </row>
    <row r="98" spans="1:3" x14ac:dyDescent="0.25">
      <c r="A98" s="283"/>
      <c r="B98" s="273" t="s">
        <v>956</v>
      </c>
      <c r="C98" s="274"/>
    </row>
    <row r="99" spans="1:3" x14ac:dyDescent="0.25">
      <c r="A99" s="283"/>
      <c r="B99" s="273" t="s">
        <v>957</v>
      </c>
      <c r="C99" s="274"/>
    </row>
    <row r="100" spans="1:3" x14ac:dyDescent="0.25">
      <c r="A100" s="283"/>
      <c r="B100" s="273" t="s">
        <v>958</v>
      </c>
      <c r="C100" s="274"/>
    </row>
    <row r="101" spans="1:3" x14ac:dyDescent="0.25">
      <c r="A101" s="283"/>
      <c r="B101" s="273" t="s">
        <v>959</v>
      </c>
      <c r="C101" s="274"/>
    </row>
    <row r="102" spans="1:3" x14ac:dyDescent="0.25">
      <c r="A102" s="283"/>
      <c r="B102" s="278" t="s">
        <v>552</v>
      </c>
      <c r="C102" s="276"/>
    </row>
    <row r="103" spans="1:3" x14ac:dyDescent="0.25">
      <c r="A103" s="283"/>
      <c r="B103" s="278" t="s">
        <v>960</v>
      </c>
    </row>
    <row r="104" spans="1:3" x14ac:dyDescent="0.25">
      <c r="A104" s="283"/>
      <c r="B104" s="278" t="s">
        <v>977</v>
      </c>
      <c r="C104" s="276" t="s">
        <v>941</v>
      </c>
    </row>
    <row r="105" spans="1:3" x14ac:dyDescent="0.25">
      <c r="A105" s="283"/>
      <c r="B105" s="278" t="s">
        <v>972</v>
      </c>
      <c r="C105" s="276"/>
    </row>
    <row r="106" spans="1:3" x14ac:dyDescent="0.25">
      <c r="A106" s="283"/>
      <c r="B106" s="273" t="s">
        <v>559</v>
      </c>
      <c r="C106" s="274"/>
    </row>
    <row r="107" spans="1:3" x14ac:dyDescent="0.25">
      <c r="A107" s="283"/>
      <c r="B107" s="273" t="s">
        <v>973</v>
      </c>
      <c r="C107" s="274"/>
    </row>
    <row r="108" spans="1:3" x14ac:dyDescent="0.25">
      <c r="A108" s="283"/>
      <c r="B108" s="273" t="s">
        <v>966</v>
      </c>
      <c r="C108" s="274"/>
    </row>
    <row r="109" spans="1:3" x14ac:dyDescent="0.25">
      <c r="A109" s="283"/>
      <c r="B109" s="273" t="s">
        <v>967</v>
      </c>
      <c r="C109" s="274"/>
    </row>
    <row r="110" spans="1:3" x14ac:dyDescent="0.25">
      <c r="A110" s="283"/>
      <c r="B110" s="273" t="s">
        <v>974</v>
      </c>
      <c r="C110" s="274"/>
    </row>
    <row r="111" spans="1:3" x14ac:dyDescent="0.25">
      <c r="A111" s="283"/>
      <c r="B111" s="273" t="s">
        <v>968</v>
      </c>
      <c r="C111" s="274"/>
    </row>
    <row r="112" spans="1:3" x14ac:dyDescent="0.25">
      <c r="A112" s="283"/>
      <c r="B112" s="273" t="s">
        <v>552</v>
      </c>
      <c r="C112" s="274"/>
    </row>
    <row r="113" spans="1:3" x14ac:dyDescent="0.25">
      <c r="A113" s="283"/>
      <c r="B113" s="273" t="s">
        <v>960</v>
      </c>
      <c r="C113" s="274"/>
    </row>
    <row r="114" spans="1:3" ht="15.75" thickBot="1" x14ac:dyDescent="0.3">
      <c r="A114" s="283"/>
      <c r="B114" s="279" t="s">
        <v>978</v>
      </c>
      <c r="C114" s="318"/>
    </row>
    <row r="115" spans="1:3" x14ac:dyDescent="0.25">
      <c r="A115" s="283"/>
      <c r="B115" s="273" t="s">
        <v>979</v>
      </c>
      <c r="C115" s="274"/>
    </row>
    <row r="116" spans="1:3" x14ac:dyDescent="0.25">
      <c r="A116" s="283"/>
      <c r="B116" s="273" t="s">
        <v>980</v>
      </c>
      <c r="C116" s="274"/>
    </row>
    <row r="117" spans="1:3" x14ac:dyDescent="0.25">
      <c r="A117" s="283"/>
      <c r="B117" s="273" t="s">
        <v>981</v>
      </c>
      <c r="C117" s="274"/>
    </row>
    <row r="118" spans="1:3" ht="15.75" thickBot="1" x14ac:dyDescent="0.3">
      <c r="A118" s="283"/>
      <c r="B118" s="279" t="s">
        <v>981</v>
      </c>
      <c r="C118" s="320"/>
    </row>
    <row r="119" spans="1:3" x14ac:dyDescent="0.25">
      <c r="A119" s="283"/>
      <c r="B119" s="273" t="s">
        <v>982</v>
      </c>
      <c r="C119" s="274"/>
    </row>
    <row r="120" spans="1:3" x14ac:dyDescent="0.25">
      <c r="A120" s="283"/>
      <c r="B120" s="273" t="s">
        <v>983</v>
      </c>
      <c r="C120" s="274"/>
    </row>
    <row r="121" spans="1:3" x14ac:dyDescent="0.25">
      <c r="A121" s="283"/>
      <c r="B121" s="273" t="s">
        <v>984</v>
      </c>
      <c r="C121" s="274"/>
    </row>
    <row r="122" spans="1:3" x14ac:dyDescent="0.25">
      <c r="A122" s="283"/>
      <c r="B122" s="273" t="s">
        <v>985</v>
      </c>
      <c r="C122" s="274"/>
    </row>
    <row r="123" spans="1:3" x14ac:dyDescent="0.25">
      <c r="A123" s="283"/>
      <c r="B123" s="273" t="s">
        <v>986</v>
      </c>
      <c r="C123" s="274"/>
    </row>
    <row r="124" spans="1:3" x14ac:dyDescent="0.25">
      <c r="A124" s="283"/>
      <c r="B124" s="273" t="s">
        <v>987</v>
      </c>
      <c r="C124" s="274" t="s">
        <v>1028</v>
      </c>
    </row>
    <row r="125" spans="1:3" x14ac:dyDescent="0.25">
      <c r="A125" s="283"/>
      <c r="B125" s="273" t="s">
        <v>640</v>
      </c>
      <c r="C125" s="274"/>
    </row>
    <row r="126" spans="1:3" x14ac:dyDescent="0.25">
      <c r="A126" s="283"/>
      <c r="B126" s="273" t="s">
        <v>636</v>
      </c>
      <c r="C126" s="274"/>
    </row>
    <row r="127" spans="1:3" x14ac:dyDescent="0.25">
      <c r="A127" s="283"/>
      <c r="B127" s="273" t="s">
        <v>988</v>
      </c>
      <c r="C127" s="274" t="s">
        <v>701</v>
      </c>
    </row>
    <row r="128" spans="1:3" x14ac:dyDescent="0.25">
      <c r="A128" s="283"/>
      <c r="B128" s="273" t="s">
        <v>638</v>
      </c>
      <c r="C128" s="274"/>
    </row>
    <row r="129" spans="1:3" x14ac:dyDescent="0.25">
      <c r="A129" s="283"/>
      <c r="B129" s="273" t="s">
        <v>989</v>
      </c>
      <c r="C129" s="274"/>
    </row>
    <row r="130" spans="1:3" x14ac:dyDescent="0.25">
      <c r="A130" s="283"/>
      <c r="B130" s="273" t="s">
        <v>844</v>
      </c>
      <c r="C130" s="274"/>
    </row>
    <row r="131" spans="1:3" x14ac:dyDescent="0.25">
      <c r="A131" s="283"/>
      <c r="B131" s="273" t="s">
        <v>845</v>
      </c>
      <c r="C131" s="274" t="s">
        <v>703</v>
      </c>
    </row>
    <row r="132" spans="1:3" x14ac:dyDescent="0.25">
      <c r="A132" s="283"/>
      <c r="B132" s="273" t="s">
        <v>846</v>
      </c>
      <c r="C132" s="274" t="s">
        <v>1029</v>
      </c>
    </row>
    <row r="133" spans="1:3" x14ac:dyDescent="0.25">
      <c r="A133" s="283"/>
      <c r="B133" s="273" t="s">
        <v>847</v>
      </c>
      <c r="C133" s="274"/>
    </row>
    <row r="134" spans="1:3" x14ac:dyDescent="0.25">
      <c r="A134" s="283"/>
      <c r="B134" s="273" t="s">
        <v>990</v>
      </c>
      <c r="C134" s="274" t="s">
        <v>5</v>
      </c>
    </row>
    <row r="135" spans="1:3" ht="15.75" thickBot="1" x14ac:dyDescent="0.3">
      <c r="A135" s="283"/>
      <c r="B135" s="279" t="s">
        <v>991</v>
      </c>
      <c r="C135" s="318"/>
    </row>
    <row r="136" spans="1:3" x14ac:dyDescent="0.25">
      <c r="A136" s="283"/>
      <c r="B136" s="277" t="s">
        <v>1037</v>
      </c>
      <c r="C136" s="378" t="s">
        <v>1039</v>
      </c>
    </row>
    <row r="137" spans="1:3" ht="15.75" thickBot="1" x14ac:dyDescent="0.3">
      <c r="A137" s="283"/>
      <c r="B137" s="279" t="s">
        <v>1038</v>
      </c>
      <c r="C137" s="318"/>
    </row>
    <row r="138" spans="1:3" x14ac:dyDescent="0.25">
      <c r="A138" s="283"/>
      <c r="B138" s="273" t="s">
        <v>992</v>
      </c>
      <c r="C138" s="274"/>
    </row>
    <row r="139" spans="1:3" x14ac:dyDescent="0.25">
      <c r="A139" s="283"/>
      <c r="B139" s="273" t="s">
        <v>988</v>
      </c>
      <c r="C139" s="274" t="s">
        <v>1030</v>
      </c>
    </row>
    <row r="140" spans="1:3" x14ac:dyDescent="0.25">
      <c r="A140" s="283"/>
      <c r="B140" s="273" t="s">
        <v>993</v>
      </c>
      <c r="C140" s="274"/>
    </row>
    <row r="141" spans="1:3" x14ac:dyDescent="0.25">
      <c r="A141" s="283"/>
      <c r="B141" s="273" t="s">
        <v>994</v>
      </c>
      <c r="C141" s="274"/>
    </row>
    <row r="142" spans="1:3" x14ac:dyDescent="0.25">
      <c r="A142" s="283"/>
      <c r="B142" s="273" t="s">
        <v>861</v>
      </c>
      <c r="C142" s="274" t="s">
        <v>1033</v>
      </c>
    </row>
    <row r="143" spans="1:3" x14ac:dyDescent="0.25">
      <c r="A143" s="283"/>
      <c r="B143" s="273" t="s">
        <v>995</v>
      </c>
      <c r="C143" s="274"/>
    </row>
    <row r="144" spans="1:3" x14ac:dyDescent="0.25">
      <c r="A144" s="283"/>
      <c r="B144" s="278" t="s">
        <v>996</v>
      </c>
      <c r="C144" s="377"/>
    </row>
    <row r="145" spans="1:3" x14ac:dyDescent="0.25">
      <c r="A145" s="283"/>
      <c r="B145" s="278" t="s">
        <v>997</v>
      </c>
      <c r="C145" s="276"/>
    </row>
    <row r="146" spans="1:3" x14ac:dyDescent="0.25">
      <c r="A146" s="283"/>
      <c r="B146" s="273" t="s">
        <v>988</v>
      </c>
      <c r="C146" s="274" t="s">
        <v>432</v>
      </c>
    </row>
    <row r="147" spans="1:3" ht="15.75" thickBot="1" x14ac:dyDescent="0.3">
      <c r="A147" s="283"/>
      <c r="B147" s="279" t="s">
        <v>998</v>
      </c>
      <c r="C147" s="318"/>
    </row>
    <row r="148" spans="1:3" x14ac:dyDescent="0.25">
      <c r="A148" s="283"/>
      <c r="B148" s="273" t="s">
        <v>999</v>
      </c>
      <c r="C148" s="274"/>
    </row>
    <row r="149" spans="1:3" ht="15.75" thickBot="1" x14ac:dyDescent="0.3">
      <c r="A149" s="283"/>
      <c r="B149" s="279" t="s">
        <v>1000</v>
      </c>
      <c r="C149" s="318"/>
    </row>
    <row r="150" spans="1:3" x14ac:dyDescent="0.25">
      <c r="A150" s="283"/>
      <c r="B150" s="273" t="s">
        <v>1001</v>
      </c>
      <c r="C150" s="274"/>
    </row>
    <row r="151" spans="1:3" x14ac:dyDescent="0.25">
      <c r="A151" s="283"/>
      <c r="B151" s="273" t="s">
        <v>1002</v>
      </c>
      <c r="C151" s="274" t="s">
        <v>1031</v>
      </c>
    </row>
    <row r="152" spans="1:3" x14ac:dyDescent="0.25">
      <c r="A152" s="283"/>
      <c r="B152" s="273" t="s">
        <v>1003</v>
      </c>
      <c r="C152" s="274"/>
    </row>
    <row r="153" spans="1:3" ht="15.75" thickBot="1" x14ac:dyDescent="0.3">
      <c r="A153" s="283"/>
      <c r="B153" s="279" t="s">
        <v>1004</v>
      </c>
      <c r="C153" s="318"/>
    </row>
    <row r="154" spans="1:3" x14ac:dyDescent="0.25">
      <c r="A154" s="283"/>
      <c r="B154" s="273" t="s">
        <v>1005</v>
      </c>
      <c r="C154" s="274"/>
    </row>
    <row r="155" spans="1:3" x14ac:dyDescent="0.25">
      <c r="A155" s="283"/>
      <c r="B155" s="273" t="s">
        <v>1006</v>
      </c>
      <c r="C155" s="274"/>
    </row>
    <row r="156" spans="1:3" x14ac:dyDescent="0.25">
      <c r="A156" s="283"/>
      <c r="B156" s="273" t="s">
        <v>1007</v>
      </c>
      <c r="C156" s="274" t="s">
        <v>1032</v>
      </c>
    </row>
    <row r="157" spans="1:3" x14ac:dyDescent="0.25">
      <c r="A157" s="283"/>
      <c r="B157" s="273" t="s">
        <v>1008</v>
      </c>
      <c r="C157" s="274"/>
    </row>
    <row r="158" spans="1:3" x14ac:dyDescent="0.25">
      <c r="A158" s="283"/>
      <c r="B158" s="273" t="s">
        <v>1009</v>
      </c>
      <c r="C158" s="274"/>
    </row>
    <row r="159" spans="1:3" x14ac:dyDescent="0.25">
      <c r="A159" s="283"/>
      <c r="B159" s="273" t="s">
        <v>1010</v>
      </c>
      <c r="C159" s="274" t="s">
        <v>1034</v>
      </c>
    </row>
    <row r="160" spans="1:3" x14ac:dyDescent="0.25">
      <c r="A160" s="283"/>
      <c r="B160" s="273" t="s">
        <v>1011</v>
      </c>
      <c r="C160" s="274"/>
    </row>
    <row r="161" spans="1:3" x14ac:dyDescent="0.25">
      <c r="A161" s="283"/>
      <c r="B161" s="273" t="s">
        <v>1012</v>
      </c>
      <c r="C161" s="274"/>
    </row>
    <row r="162" spans="1:3" x14ac:dyDescent="0.25">
      <c r="A162" s="283"/>
      <c r="B162" s="273" t="s">
        <v>1013</v>
      </c>
      <c r="C162" s="274"/>
    </row>
    <row r="163" spans="1:3" x14ac:dyDescent="0.25">
      <c r="A163" s="283"/>
      <c r="B163" s="273" t="s">
        <v>1014</v>
      </c>
      <c r="C163" s="274"/>
    </row>
    <row r="164" spans="1:3" x14ac:dyDescent="0.25">
      <c r="A164" s="283"/>
      <c r="B164" s="273" t="s">
        <v>1015</v>
      </c>
      <c r="C164" s="274"/>
    </row>
    <row r="165" spans="1:3" ht="15.75" thickBot="1" x14ac:dyDescent="0.3">
      <c r="A165" s="283"/>
      <c r="B165" s="279" t="s">
        <v>1016</v>
      </c>
      <c r="C165" s="318"/>
    </row>
    <row r="166" spans="1:3" x14ac:dyDescent="0.25">
      <c r="A166" s="283"/>
      <c r="B166" s="273" t="s">
        <v>1017</v>
      </c>
      <c r="C166" s="274" t="s">
        <v>942</v>
      </c>
    </row>
    <row r="167" spans="1:3" x14ac:dyDescent="0.25">
      <c r="A167" s="283"/>
      <c r="B167" s="273" t="s">
        <v>1018</v>
      </c>
      <c r="C167" s="274"/>
    </row>
    <row r="168" spans="1:3" x14ac:dyDescent="0.25">
      <c r="A168" s="283"/>
      <c r="B168" s="273" t="s">
        <v>1019</v>
      </c>
      <c r="C168" s="274"/>
    </row>
    <row r="169" spans="1:3" x14ac:dyDescent="0.25">
      <c r="A169" s="283"/>
      <c r="B169" s="273" t="s">
        <v>1020</v>
      </c>
      <c r="C169" s="274"/>
    </row>
    <row r="170" spans="1:3" x14ac:dyDescent="0.25">
      <c r="A170" s="283"/>
      <c r="B170" s="273" t="s">
        <v>1003</v>
      </c>
      <c r="C170" s="274" t="s">
        <v>471</v>
      </c>
    </row>
    <row r="171" spans="1:3" x14ac:dyDescent="0.25">
      <c r="A171" s="283"/>
      <c r="B171" s="273" t="s">
        <v>1021</v>
      </c>
      <c r="C171" s="274"/>
    </row>
    <row r="172" spans="1:3" x14ac:dyDescent="0.25">
      <c r="A172" s="283"/>
      <c r="B172" s="273" t="s">
        <v>1022</v>
      </c>
      <c r="C172" s="274"/>
    </row>
    <row r="173" spans="1:3" x14ac:dyDescent="0.25">
      <c r="A173" s="283"/>
      <c r="B173" s="273" t="s">
        <v>1003</v>
      </c>
      <c r="C173" s="274" t="s">
        <v>470</v>
      </c>
    </row>
    <row r="174" spans="1:3" ht="15.75" thickBot="1" x14ac:dyDescent="0.3">
      <c r="A174" s="283"/>
      <c r="B174" s="279" t="s">
        <v>1023</v>
      </c>
      <c r="C174" s="318"/>
    </row>
    <row r="175" spans="1:3" x14ac:dyDescent="0.25">
      <c r="A175" s="283"/>
      <c r="B175" s="273" t="s">
        <v>1024</v>
      </c>
      <c r="C175" s="274"/>
    </row>
    <row r="176" spans="1:3" x14ac:dyDescent="0.25">
      <c r="A176" s="283"/>
      <c r="B176" s="273" t="s">
        <v>1025</v>
      </c>
      <c r="C176" s="274"/>
    </row>
    <row r="177" spans="1:3" x14ac:dyDescent="0.25">
      <c r="A177" s="283"/>
      <c r="B177" s="273" t="s">
        <v>679</v>
      </c>
      <c r="C177" s="274"/>
    </row>
    <row r="178" spans="1:3" ht="15.75" thickBot="1" x14ac:dyDescent="0.3">
      <c r="A178" s="283"/>
      <c r="B178" s="279" t="s">
        <v>475</v>
      </c>
      <c r="C178" s="318"/>
    </row>
    <row r="179" spans="1:3" s="20" customFormat="1" x14ac:dyDescent="0.25"/>
    <row r="180" spans="1:3" s="20" customFormat="1" x14ac:dyDescent="0.25"/>
    <row r="181" spans="1:3" s="20" customFormat="1" x14ac:dyDescent="0.25"/>
    <row r="182" spans="1:3" s="20" customFormat="1" x14ac:dyDescent="0.25"/>
    <row r="183" spans="1:3" s="20" customFormat="1" x14ac:dyDescent="0.25"/>
    <row r="184" spans="1:3" s="20" customFormat="1" x14ac:dyDescent="0.25"/>
    <row r="185" spans="1:3" s="20" customFormat="1" x14ac:dyDescent="0.25"/>
    <row r="186" spans="1:3" s="20" customFormat="1" x14ac:dyDescent="0.25"/>
    <row r="187" spans="1:3" s="20" customFormat="1" x14ac:dyDescent="0.25"/>
    <row r="188" spans="1:3" s="20" customFormat="1" x14ac:dyDescent="0.25"/>
    <row r="189" spans="1:3" s="20" customFormat="1" x14ac:dyDescent="0.25"/>
    <row r="190" spans="1:3" s="20" customFormat="1" x14ac:dyDescent="0.25"/>
    <row r="191" spans="1:3" s="20" customFormat="1" x14ac:dyDescent="0.25"/>
    <row r="192" spans="1:3" s="20" customFormat="1" x14ac:dyDescent="0.25"/>
    <row r="193" s="20" customFormat="1" x14ac:dyDescent="0.25"/>
    <row r="194" s="20" customFormat="1" x14ac:dyDescent="0.25"/>
    <row r="195" s="20" customFormat="1" x14ac:dyDescent="0.25"/>
    <row r="196" s="20" customFormat="1" x14ac:dyDescent="0.25"/>
    <row r="197" s="20" customFormat="1" x14ac:dyDescent="0.25"/>
    <row r="198" s="20" customFormat="1" x14ac:dyDescent="0.25"/>
    <row r="199" s="20" customFormat="1" x14ac:dyDescent="0.25"/>
    <row r="200" s="20" customFormat="1" x14ac:dyDescent="0.25"/>
    <row r="201" s="20" customFormat="1" x14ac:dyDescent="0.25"/>
    <row r="202" s="20" customFormat="1" x14ac:dyDescent="0.25"/>
    <row r="203" s="20" customFormat="1" x14ac:dyDescent="0.25"/>
    <row r="204" s="20" customFormat="1" x14ac:dyDescent="0.25"/>
    <row r="205" s="20" customFormat="1" x14ac:dyDescent="0.25"/>
    <row r="206" s="20" customFormat="1" x14ac:dyDescent="0.25"/>
    <row r="207" s="20" customFormat="1" x14ac:dyDescent="0.25"/>
    <row r="208" s="20" customFormat="1" x14ac:dyDescent="0.25"/>
    <row r="209" s="20" customFormat="1" x14ac:dyDescent="0.25"/>
    <row r="210" s="20" customFormat="1" x14ac:dyDescent="0.25"/>
    <row r="211" s="20" customFormat="1" x14ac:dyDescent="0.25"/>
    <row r="212" s="20" customFormat="1" x14ac:dyDescent="0.25"/>
    <row r="213" s="20" customFormat="1" x14ac:dyDescent="0.25"/>
    <row r="214" s="20" customFormat="1" x14ac:dyDescent="0.25"/>
    <row r="215" s="20" customFormat="1" x14ac:dyDescent="0.25"/>
    <row r="216" s="20" customFormat="1" x14ac:dyDescent="0.25"/>
    <row r="217" s="20" customFormat="1" x14ac:dyDescent="0.25"/>
    <row r="218" s="20" customFormat="1" x14ac:dyDescent="0.25"/>
    <row r="219" s="20" customFormat="1" x14ac:dyDescent="0.25"/>
    <row r="220" s="20" customFormat="1" x14ac:dyDescent="0.25"/>
    <row r="221" s="20" customFormat="1" x14ac:dyDescent="0.25"/>
    <row r="222" s="20" customFormat="1" x14ac:dyDescent="0.25"/>
    <row r="223" s="20" customFormat="1" x14ac:dyDescent="0.25"/>
    <row r="224" s="20" customFormat="1" x14ac:dyDescent="0.25"/>
    <row r="225" s="20" customFormat="1" x14ac:dyDescent="0.25"/>
    <row r="226" s="20" customFormat="1" x14ac:dyDescent="0.25"/>
    <row r="227" s="20" customFormat="1" x14ac:dyDescent="0.25"/>
    <row r="228" s="20" customFormat="1" x14ac:dyDescent="0.25"/>
    <row r="229" s="20" customFormat="1" x14ac:dyDescent="0.25"/>
    <row r="230" s="20" customFormat="1" x14ac:dyDescent="0.25"/>
    <row r="231" s="20" customFormat="1" x14ac:dyDescent="0.25"/>
    <row r="232" s="20" customFormat="1" x14ac:dyDescent="0.25"/>
    <row r="233" s="20" customFormat="1" x14ac:dyDescent="0.25"/>
    <row r="234" s="20" customFormat="1" x14ac:dyDescent="0.25"/>
    <row r="235" s="20" customFormat="1" x14ac:dyDescent="0.25"/>
    <row r="236" s="20" customFormat="1" x14ac:dyDescent="0.25"/>
    <row r="237" s="20" customFormat="1" x14ac:dyDescent="0.25"/>
    <row r="238" s="20" customFormat="1" x14ac:dyDescent="0.25"/>
    <row r="239" s="20" customFormat="1" x14ac:dyDescent="0.25"/>
    <row r="240" s="20" customFormat="1" x14ac:dyDescent="0.25"/>
    <row r="241" s="20" customFormat="1" x14ac:dyDescent="0.25"/>
    <row r="242" s="20" customFormat="1" x14ac:dyDescent="0.25"/>
    <row r="243" s="20" customFormat="1" x14ac:dyDescent="0.25"/>
    <row r="244" s="20" customFormat="1" x14ac:dyDescent="0.25"/>
    <row r="245" s="20" customFormat="1" x14ac:dyDescent="0.25"/>
    <row r="246" s="20" customFormat="1" x14ac:dyDescent="0.25"/>
    <row r="247" s="20" customFormat="1" x14ac:dyDescent="0.25"/>
    <row r="248" s="20" customFormat="1" x14ac:dyDescent="0.25"/>
    <row r="249" s="20" customFormat="1" x14ac:dyDescent="0.25"/>
    <row r="250" s="20" customFormat="1" x14ac:dyDescent="0.25"/>
    <row r="251" s="20" customFormat="1" x14ac:dyDescent="0.25"/>
    <row r="252" s="20" customFormat="1" x14ac:dyDescent="0.25"/>
    <row r="253" s="20" customFormat="1" x14ac:dyDescent="0.25"/>
    <row r="254" s="20" customFormat="1" x14ac:dyDescent="0.25"/>
    <row r="255" s="20" customFormat="1" x14ac:dyDescent="0.25"/>
    <row r="256" s="20" customFormat="1" x14ac:dyDescent="0.25"/>
    <row r="257" s="20" customFormat="1" x14ac:dyDescent="0.25"/>
    <row r="258" s="20" customFormat="1" x14ac:dyDescent="0.25"/>
    <row r="259" s="20" customFormat="1" x14ac:dyDescent="0.25"/>
    <row r="260" s="20" customFormat="1" x14ac:dyDescent="0.25"/>
    <row r="261" s="20" customFormat="1" x14ac:dyDescent="0.25"/>
    <row r="262" s="20" customFormat="1" x14ac:dyDescent="0.25"/>
    <row r="263" s="20" customFormat="1" x14ac:dyDescent="0.25"/>
    <row r="264" s="20" customFormat="1" x14ac:dyDescent="0.25"/>
    <row r="265" s="20" customFormat="1" x14ac:dyDescent="0.25"/>
    <row r="266" s="20" customFormat="1" x14ac:dyDescent="0.25"/>
    <row r="267" s="20" customFormat="1" x14ac:dyDescent="0.25"/>
    <row r="268" s="20" customFormat="1" x14ac:dyDescent="0.25"/>
    <row r="269" s="20" customFormat="1" x14ac:dyDescent="0.25"/>
    <row r="270" s="20" customFormat="1" x14ac:dyDescent="0.25"/>
    <row r="271" s="20" customFormat="1" x14ac:dyDescent="0.25"/>
  </sheetData>
  <pageMargins left="0.7" right="0.7" top="0.75" bottom="0.75" header="0.3" footer="0.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4BCC09-37C4-44E7-99FD-34CB469611FB}">
  <sheetPr>
    <tabColor theme="3" tint="-0.249977111117893"/>
  </sheetPr>
  <dimension ref="B2:H114"/>
  <sheetViews>
    <sheetView workbookViewId="0">
      <selection activeCell="M16" sqref="M16"/>
    </sheetView>
  </sheetViews>
  <sheetFormatPr defaultColWidth="9.140625" defaultRowHeight="15" x14ac:dyDescent="0.25"/>
  <cols>
    <col min="1" max="7" width="9.140625" style="3"/>
    <col min="8" max="8" width="19.28515625" style="3" customWidth="1"/>
    <col min="9" max="16384" width="9.140625" style="3"/>
  </cols>
  <sheetData>
    <row r="2" spans="2:8" x14ac:dyDescent="0.25">
      <c r="B2" s="2" t="s">
        <v>29</v>
      </c>
    </row>
    <row r="3" spans="2:8" x14ac:dyDescent="0.25">
      <c r="B3" s="4" t="s">
        <v>30</v>
      </c>
    </row>
    <row r="4" spans="2:8" x14ac:dyDescent="0.25">
      <c r="B4" s="4" t="s">
        <v>31</v>
      </c>
    </row>
    <row r="5" spans="2:8" x14ac:dyDescent="0.25">
      <c r="B5" s="5" t="s">
        <v>32</v>
      </c>
    </row>
    <row r="6" spans="2:8" x14ac:dyDescent="0.25">
      <c r="B6" s="5"/>
    </row>
    <row r="7" spans="2:8" x14ac:dyDescent="0.25">
      <c r="B7" s="2" t="s">
        <v>33</v>
      </c>
    </row>
    <row r="8" spans="2:8" x14ac:dyDescent="0.25">
      <c r="B8" s="4" t="s">
        <v>34</v>
      </c>
    </row>
    <row r="9" spans="2:8" x14ac:dyDescent="0.25">
      <c r="B9" s="6" t="s">
        <v>35</v>
      </c>
    </row>
    <row r="10" spans="2:8" x14ac:dyDescent="0.25">
      <c r="B10" s="4" t="s">
        <v>36</v>
      </c>
    </row>
    <row r="12" spans="2:8" x14ac:dyDescent="0.25">
      <c r="B12" s="7" t="s">
        <v>37</v>
      </c>
    </row>
    <row r="13" spans="2:8" x14ac:dyDescent="0.25">
      <c r="B13" s="8"/>
    </row>
    <row r="14" spans="2:8" x14ac:dyDescent="0.25">
      <c r="B14" s="9" t="s">
        <v>38</v>
      </c>
    </row>
    <row r="15" spans="2:8" x14ac:dyDescent="0.25">
      <c r="B15" s="10" t="s">
        <v>39</v>
      </c>
      <c r="C15" s="11"/>
      <c r="D15" s="11"/>
      <c r="E15" s="11"/>
      <c r="F15" s="11"/>
      <c r="G15" s="11"/>
      <c r="H15" s="11"/>
    </row>
    <row r="16" spans="2:8" x14ac:dyDescent="0.25">
      <c r="B16" s="10" t="s">
        <v>40</v>
      </c>
      <c r="C16" s="11"/>
      <c r="D16" s="11"/>
      <c r="E16" s="11"/>
      <c r="F16" s="11"/>
      <c r="G16" s="11"/>
      <c r="H16" s="11"/>
    </row>
    <row r="17" spans="2:2" x14ac:dyDescent="0.25">
      <c r="B17" s="12" t="s">
        <v>41</v>
      </c>
    </row>
    <row r="18" spans="2:2" x14ac:dyDescent="0.25">
      <c r="B18" s="13"/>
    </row>
    <row r="19" spans="2:2" x14ac:dyDescent="0.25">
      <c r="B19" s="14"/>
    </row>
    <row r="20" spans="2:2" x14ac:dyDescent="0.25">
      <c r="B20" s="15"/>
    </row>
    <row r="21" spans="2:2" x14ac:dyDescent="0.25">
      <c r="B21" s="15"/>
    </row>
    <row r="22" spans="2:2" x14ac:dyDescent="0.25">
      <c r="B22" s="15"/>
    </row>
    <row r="23" spans="2:2" x14ac:dyDescent="0.25">
      <c r="B23" s="15"/>
    </row>
    <row r="24" spans="2:2" x14ac:dyDescent="0.25">
      <c r="B24" s="15"/>
    </row>
    <row r="25" spans="2:2" x14ac:dyDescent="0.25">
      <c r="B25" s="15"/>
    </row>
    <row r="26" spans="2:2" x14ac:dyDescent="0.25">
      <c r="B26" s="15"/>
    </row>
    <row r="27" spans="2:2" x14ac:dyDescent="0.25">
      <c r="B27" s="15"/>
    </row>
    <row r="28" spans="2:2" x14ac:dyDescent="0.25">
      <c r="B28" s="15"/>
    </row>
    <row r="29" spans="2:2" x14ac:dyDescent="0.25">
      <c r="B29" s="15"/>
    </row>
    <row r="30" spans="2:2" x14ac:dyDescent="0.25">
      <c r="B30" s="15"/>
    </row>
    <row r="31" spans="2:2" x14ac:dyDescent="0.25">
      <c r="B31" s="15"/>
    </row>
    <row r="32" spans="2:2" x14ac:dyDescent="0.25">
      <c r="B32" s="15"/>
    </row>
    <row r="33" spans="2:2" x14ac:dyDescent="0.25">
      <c r="B33" s="15"/>
    </row>
    <row r="34" spans="2:2" x14ac:dyDescent="0.25">
      <c r="B34" s="15"/>
    </row>
    <row r="35" spans="2:2" x14ac:dyDescent="0.25">
      <c r="B35" s="15"/>
    </row>
    <row r="36" spans="2:2" x14ac:dyDescent="0.25">
      <c r="B36" s="15"/>
    </row>
    <row r="37" spans="2:2" x14ac:dyDescent="0.25">
      <c r="B37" s="15"/>
    </row>
    <row r="38" spans="2:2" x14ac:dyDescent="0.25">
      <c r="B38" s="15"/>
    </row>
    <row r="39" spans="2:2" x14ac:dyDescent="0.25">
      <c r="B39" s="15"/>
    </row>
    <row r="40" spans="2:2" x14ac:dyDescent="0.25">
      <c r="B40" s="15"/>
    </row>
    <row r="41" spans="2:2" x14ac:dyDescent="0.25">
      <c r="B41" s="15"/>
    </row>
    <row r="42" spans="2:2" x14ac:dyDescent="0.25">
      <c r="B42" s="15"/>
    </row>
    <row r="43" spans="2:2" x14ac:dyDescent="0.25">
      <c r="B43" s="15"/>
    </row>
    <row r="44" spans="2:2" x14ac:dyDescent="0.25">
      <c r="B44" s="15"/>
    </row>
    <row r="45" spans="2:2" x14ac:dyDescent="0.25">
      <c r="B45" s="15"/>
    </row>
    <row r="46" spans="2:2" x14ac:dyDescent="0.25">
      <c r="B46" s="15"/>
    </row>
    <row r="47" spans="2:2" x14ac:dyDescent="0.25">
      <c r="B47" s="16"/>
    </row>
    <row r="48" spans="2:2" x14ac:dyDescent="0.25">
      <c r="B48" s="13"/>
    </row>
    <row r="52" spans="2:2" x14ac:dyDescent="0.25">
      <c r="B52" s="15"/>
    </row>
    <row r="53" spans="2:2" x14ac:dyDescent="0.25">
      <c r="B53" s="15"/>
    </row>
    <row r="54" spans="2:2" x14ac:dyDescent="0.25">
      <c r="B54" s="15"/>
    </row>
    <row r="55" spans="2:2" x14ac:dyDescent="0.25">
      <c r="B55" s="15"/>
    </row>
    <row r="56" spans="2:2" x14ac:dyDescent="0.25">
      <c r="B56" s="12" t="s">
        <v>42</v>
      </c>
    </row>
    <row r="57" spans="2:2" x14ac:dyDescent="0.25">
      <c r="B57" s="12" t="s">
        <v>43</v>
      </c>
    </row>
    <row r="58" spans="2:2" x14ac:dyDescent="0.25">
      <c r="B58" s="14"/>
    </row>
    <row r="59" spans="2:2" x14ac:dyDescent="0.25">
      <c r="B59" s="15"/>
    </row>
    <row r="60" spans="2:2" x14ac:dyDescent="0.25">
      <c r="B60" s="15"/>
    </row>
    <row r="61" spans="2:2" x14ac:dyDescent="0.25">
      <c r="B61" s="15"/>
    </row>
    <row r="62" spans="2:2" x14ac:dyDescent="0.25">
      <c r="B62" s="15"/>
    </row>
    <row r="63" spans="2:2" x14ac:dyDescent="0.25">
      <c r="B63" s="15"/>
    </row>
    <row r="64" spans="2:2" x14ac:dyDescent="0.25">
      <c r="B64" s="15"/>
    </row>
    <row r="65" spans="2:2" x14ac:dyDescent="0.25">
      <c r="B65" s="15"/>
    </row>
    <row r="66" spans="2:2" x14ac:dyDescent="0.25">
      <c r="B66" s="15"/>
    </row>
    <row r="67" spans="2:2" x14ac:dyDescent="0.25">
      <c r="B67" s="15"/>
    </row>
    <row r="68" spans="2:2" x14ac:dyDescent="0.25">
      <c r="B68" s="15"/>
    </row>
    <row r="69" spans="2:2" x14ac:dyDescent="0.25">
      <c r="B69" s="15"/>
    </row>
    <row r="70" spans="2:2" x14ac:dyDescent="0.25">
      <c r="B70" s="15"/>
    </row>
    <row r="71" spans="2:2" x14ac:dyDescent="0.25">
      <c r="B71" s="15"/>
    </row>
    <row r="72" spans="2:2" x14ac:dyDescent="0.25">
      <c r="B72" s="15"/>
    </row>
    <row r="73" spans="2:2" x14ac:dyDescent="0.25">
      <c r="B73" s="15"/>
    </row>
    <row r="74" spans="2:2" x14ac:dyDescent="0.25">
      <c r="B74" s="15"/>
    </row>
    <row r="75" spans="2:2" x14ac:dyDescent="0.25">
      <c r="B75" s="15"/>
    </row>
    <row r="76" spans="2:2" x14ac:dyDescent="0.25">
      <c r="B76" s="15"/>
    </row>
    <row r="77" spans="2:2" x14ac:dyDescent="0.25">
      <c r="B77" s="15"/>
    </row>
    <row r="78" spans="2:2" x14ac:dyDescent="0.25">
      <c r="B78" s="15"/>
    </row>
    <row r="79" spans="2:2" x14ac:dyDescent="0.25">
      <c r="B79" s="15"/>
    </row>
    <row r="80" spans="2:2" x14ac:dyDescent="0.25">
      <c r="B80" s="15"/>
    </row>
    <row r="81" spans="2:2" x14ac:dyDescent="0.25">
      <c r="B81" s="12" t="s">
        <v>44</v>
      </c>
    </row>
    <row r="82" spans="2:2" x14ac:dyDescent="0.25">
      <c r="B82" s="12" t="s">
        <v>45</v>
      </c>
    </row>
    <row r="83" spans="2:2" x14ac:dyDescent="0.25">
      <c r="B83" s="17"/>
    </row>
    <row r="84" spans="2:2" x14ac:dyDescent="0.25">
      <c r="B84" s="18"/>
    </row>
    <row r="85" spans="2:2" x14ac:dyDescent="0.25">
      <c r="B85" s="18"/>
    </row>
    <row r="86" spans="2:2" x14ac:dyDescent="0.25">
      <c r="B86" s="18"/>
    </row>
    <row r="87" spans="2:2" x14ac:dyDescent="0.25">
      <c r="B87" s="18"/>
    </row>
    <row r="88" spans="2:2" x14ac:dyDescent="0.25">
      <c r="B88" s="18"/>
    </row>
    <row r="89" spans="2:2" x14ac:dyDescent="0.25">
      <c r="B89" s="18"/>
    </row>
    <row r="90" spans="2:2" x14ac:dyDescent="0.25">
      <c r="B90" s="18"/>
    </row>
    <row r="91" spans="2:2" x14ac:dyDescent="0.25">
      <c r="B91" s="18"/>
    </row>
    <row r="92" spans="2:2" x14ac:dyDescent="0.25">
      <c r="B92" s="18"/>
    </row>
    <row r="93" spans="2:2" x14ac:dyDescent="0.25">
      <c r="B93" s="18"/>
    </row>
    <row r="94" spans="2:2" x14ac:dyDescent="0.25">
      <c r="B94" s="18"/>
    </row>
    <row r="95" spans="2:2" x14ac:dyDescent="0.25">
      <c r="B95" s="18"/>
    </row>
    <row r="96" spans="2:2" x14ac:dyDescent="0.25">
      <c r="B96" s="18"/>
    </row>
    <row r="97" spans="2:2" x14ac:dyDescent="0.25">
      <c r="B97" s="18"/>
    </row>
    <row r="98" spans="2:2" x14ac:dyDescent="0.25">
      <c r="B98" s="18"/>
    </row>
    <row r="99" spans="2:2" x14ac:dyDescent="0.25">
      <c r="B99" s="18"/>
    </row>
    <row r="100" spans="2:2" x14ac:dyDescent="0.25">
      <c r="B100" s="18"/>
    </row>
    <row r="101" spans="2:2" x14ac:dyDescent="0.25">
      <c r="B101" s="18"/>
    </row>
    <row r="102" spans="2:2" x14ac:dyDescent="0.25">
      <c r="B102" s="18"/>
    </row>
    <row r="103" spans="2:2" x14ac:dyDescent="0.25">
      <c r="B103" s="18"/>
    </row>
    <row r="104" spans="2:2" x14ac:dyDescent="0.25">
      <c r="B104" s="18"/>
    </row>
    <row r="105" spans="2:2" x14ac:dyDescent="0.25">
      <c r="B105" s="18"/>
    </row>
    <row r="106" spans="2:2" x14ac:dyDescent="0.25">
      <c r="B106" s="18"/>
    </row>
    <row r="107" spans="2:2" x14ac:dyDescent="0.25">
      <c r="B107" s="18"/>
    </row>
    <row r="108" spans="2:2" x14ac:dyDescent="0.25">
      <c r="B108" s="18"/>
    </row>
    <row r="109" spans="2:2" x14ac:dyDescent="0.25">
      <c r="B109" s="18"/>
    </row>
    <row r="110" spans="2:2" x14ac:dyDescent="0.25">
      <c r="B110" s="18"/>
    </row>
    <row r="111" spans="2:2" x14ac:dyDescent="0.25">
      <c r="B111" s="18"/>
    </row>
    <row r="112" spans="2:2" x14ac:dyDescent="0.25">
      <c r="B112" s="18"/>
    </row>
    <row r="113" spans="2:2" x14ac:dyDescent="0.25">
      <c r="B113" s="18"/>
    </row>
    <row r="114" spans="2:2" x14ac:dyDescent="0.25">
      <c r="B114" s="18"/>
    </row>
  </sheetData>
  <hyperlinks>
    <hyperlink ref="B14" r:id="rId1" display="http://supplier.ariba.com/" xr:uid="{1B366DC1-C664-4EC2-82F1-9C5988C81217}"/>
  </hyperlinks>
  <pageMargins left="0.7" right="0.7" top="0.75" bottom="0.75" header="0.3" footer="0.3"/>
  <pageSetup paperSize="9" orientation="portrait" horizontalDpi="300" verticalDpi="300" r:id="rId2"/>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85927E-4B29-49BE-B76E-8B9038112065}">
  <sheetPr>
    <tabColor theme="4" tint="-0.249977111117893"/>
  </sheetPr>
  <dimension ref="B2:J35"/>
  <sheetViews>
    <sheetView showGridLines="0" workbookViewId="0">
      <selection activeCell="P37" sqref="P37"/>
    </sheetView>
  </sheetViews>
  <sheetFormatPr defaultRowHeight="15" x14ac:dyDescent="0.25"/>
  <cols>
    <col min="2" max="2" width="2.28515625" customWidth="1"/>
    <col min="9" max="9" width="17.7109375" customWidth="1"/>
    <col min="10" max="10" width="2.28515625" customWidth="1"/>
  </cols>
  <sheetData>
    <row r="2" spans="2:10" ht="18" customHeight="1" x14ac:dyDescent="0.25"/>
    <row r="3" spans="2:10" ht="12" customHeight="1" x14ac:dyDescent="0.25">
      <c r="B3" s="19"/>
      <c r="C3" s="19"/>
      <c r="D3" s="19"/>
      <c r="E3" s="19"/>
      <c r="F3" s="19"/>
      <c r="G3" s="19"/>
      <c r="H3" s="19"/>
      <c r="I3" s="19"/>
      <c r="J3" s="19"/>
    </row>
    <row r="4" spans="2:10" x14ac:dyDescent="0.25">
      <c r="B4" s="19"/>
      <c r="J4" s="19"/>
    </row>
    <row r="5" spans="2:10" x14ac:dyDescent="0.25">
      <c r="B5" s="19"/>
      <c r="J5" s="19"/>
    </row>
    <row r="6" spans="2:10" x14ac:dyDescent="0.25">
      <c r="B6" s="19"/>
      <c r="J6" s="19"/>
    </row>
    <row r="7" spans="2:10" x14ac:dyDescent="0.25">
      <c r="B7" s="19"/>
      <c r="J7" s="19"/>
    </row>
    <row r="8" spans="2:10" x14ac:dyDescent="0.25">
      <c r="B8" s="19"/>
      <c r="J8" s="19"/>
    </row>
    <row r="9" spans="2:10" x14ac:dyDescent="0.25">
      <c r="B9" s="19"/>
      <c r="J9" s="19"/>
    </row>
    <row r="10" spans="2:10" x14ac:dyDescent="0.25">
      <c r="B10" s="19"/>
      <c r="J10" s="19"/>
    </row>
    <row r="11" spans="2:10" x14ac:dyDescent="0.25">
      <c r="B11" s="19"/>
      <c r="J11" s="19"/>
    </row>
    <row r="12" spans="2:10" x14ac:dyDescent="0.25">
      <c r="B12" s="19"/>
      <c r="J12" s="19"/>
    </row>
    <row r="13" spans="2:10" x14ac:dyDescent="0.25">
      <c r="B13" s="19"/>
      <c r="J13" s="19"/>
    </row>
    <row r="14" spans="2:10" x14ac:dyDescent="0.25">
      <c r="B14" s="19"/>
      <c r="J14" s="19"/>
    </row>
    <row r="15" spans="2:10" x14ac:dyDescent="0.25">
      <c r="B15" s="19"/>
      <c r="J15" s="19"/>
    </row>
    <row r="16" spans="2:10" x14ac:dyDescent="0.25">
      <c r="B16" s="19"/>
      <c r="J16" s="19"/>
    </row>
    <row r="17" spans="2:10" x14ac:dyDescent="0.25">
      <c r="B17" s="19"/>
      <c r="J17" s="19"/>
    </row>
    <row r="18" spans="2:10" x14ac:dyDescent="0.25">
      <c r="B18" s="19"/>
      <c r="J18" s="19"/>
    </row>
    <row r="19" spans="2:10" x14ac:dyDescent="0.25">
      <c r="B19" s="19"/>
      <c r="J19" s="19"/>
    </row>
    <row r="20" spans="2:10" x14ac:dyDescent="0.25">
      <c r="B20" s="19"/>
      <c r="J20" s="19"/>
    </row>
    <row r="21" spans="2:10" x14ac:dyDescent="0.25">
      <c r="B21" s="19"/>
      <c r="J21" s="19"/>
    </row>
    <row r="22" spans="2:10" x14ac:dyDescent="0.25">
      <c r="B22" s="19"/>
      <c r="J22" s="19"/>
    </row>
    <row r="23" spans="2:10" x14ac:dyDescent="0.25">
      <c r="B23" s="19"/>
      <c r="J23" s="19"/>
    </row>
    <row r="24" spans="2:10" x14ac:dyDescent="0.25">
      <c r="B24" s="19"/>
      <c r="J24" s="19"/>
    </row>
    <row r="25" spans="2:10" x14ac:dyDescent="0.25">
      <c r="B25" s="19"/>
      <c r="J25" s="19"/>
    </row>
    <row r="26" spans="2:10" x14ac:dyDescent="0.25">
      <c r="B26" s="19"/>
      <c r="J26" s="19"/>
    </row>
    <row r="27" spans="2:10" x14ac:dyDescent="0.25">
      <c r="B27" s="19"/>
      <c r="J27" s="19"/>
    </row>
    <row r="28" spans="2:10" x14ac:dyDescent="0.25">
      <c r="B28" s="19"/>
      <c r="J28" s="19"/>
    </row>
    <row r="29" spans="2:10" x14ac:dyDescent="0.25">
      <c r="B29" s="19"/>
      <c r="J29" s="19"/>
    </row>
    <row r="30" spans="2:10" x14ac:dyDescent="0.25">
      <c r="B30" s="19"/>
      <c r="J30" s="19"/>
    </row>
    <row r="31" spans="2:10" x14ac:dyDescent="0.25">
      <c r="B31" s="19"/>
      <c r="J31" s="19"/>
    </row>
    <row r="32" spans="2:10" x14ac:dyDescent="0.25">
      <c r="B32" s="19"/>
      <c r="J32" s="19"/>
    </row>
    <row r="33" spans="2:10" x14ac:dyDescent="0.25">
      <c r="B33" s="19"/>
      <c r="J33" s="19"/>
    </row>
    <row r="34" spans="2:10" x14ac:dyDescent="0.25">
      <c r="B34" s="19"/>
      <c r="J34" s="19"/>
    </row>
    <row r="35" spans="2:10" ht="10.5" customHeight="1" x14ac:dyDescent="0.25">
      <c r="B35" s="19"/>
      <c r="C35" s="19"/>
      <c r="D35" s="19"/>
      <c r="E35" s="19"/>
      <c r="F35" s="19"/>
      <c r="G35" s="19"/>
      <c r="H35" s="19"/>
      <c r="I35" s="19"/>
      <c r="J35" s="19"/>
    </row>
  </sheetData>
  <sheetProtection algorithmName="SHA-512" hashValue="vXUY5VDrdIWigjCFugKPRw/2fsafdM+QF4tCDauJiyGrpG2GTXYbV2FyngbOmRisfO1BrPnhBl+DEkBw6PtMoQ==" saltValue="3kebzhYhdD8PfSYUy3VyFg==" spinCount="100000" sheet="1" scenarios="1"/>
  <pageMargins left="0.7" right="0.7" top="0.75" bottom="0.75" header="0.3" footer="0.3"/>
  <pageSetup orientation="portrait" horizontalDpi="0" verticalDpi="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AE498D-6BAB-4D19-B621-717465895C8B}">
  <sheetPr>
    <tabColor theme="3" tint="-0.249977111117893"/>
  </sheetPr>
  <dimension ref="A1:Z82"/>
  <sheetViews>
    <sheetView zoomScale="85" zoomScaleNormal="85" workbookViewId="0">
      <selection activeCell="F9" sqref="F9"/>
    </sheetView>
  </sheetViews>
  <sheetFormatPr defaultRowHeight="15" x14ac:dyDescent="0.25"/>
  <cols>
    <col min="1" max="2" width="9.140625" style="3"/>
    <col min="3" max="3" width="3.85546875" customWidth="1"/>
    <col min="4" max="4" width="25" customWidth="1"/>
    <col min="5" max="6" width="45.5703125" style="20" customWidth="1"/>
    <col min="7" max="7" width="44.7109375" style="33" customWidth="1"/>
    <col min="8" max="8" width="3.85546875" customWidth="1"/>
    <col min="9" max="26" width="9.140625" style="3"/>
  </cols>
  <sheetData>
    <row r="1" spans="3:8" s="3" customFormat="1" x14ac:dyDescent="0.25">
      <c r="E1" s="27"/>
      <c r="F1" s="27"/>
      <c r="G1" s="29"/>
    </row>
    <row r="2" spans="3:8" s="3" customFormat="1" x14ac:dyDescent="0.25">
      <c r="E2" s="27"/>
      <c r="F2" s="27"/>
      <c r="G2" s="29"/>
    </row>
    <row r="3" spans="3:8" x14ac:dyDescent="0.25">
      <c r="C3" s="19"/>
      <c r="D3" s="383" t="s">
        <v>1</v>
      </c>
      <c r="E3" s="383"/>
      <c r="F3" s="383"/>
      <c r="G3" s="383"/>
      <c r="H3" s="25"/>
    </row>
    <row r="4" spans="3:8" x14ac:dyDescent="0.25">
      <c r="C4" s="19"/>
      <c r="E4"/>
      <c r="F4"/>
      <c r="H4" s="19"/>
    </row>
    <row r="5" spans="3:8" x14ac:dyDescent="0.25">
      <c r="C5" s="19"/>
      <c r="E5"/>
      <c r="F5"/>
      <c r="H5" s="19"/>
    </row>
    <row r="6" spans="3:8" x14ac:dyDescent="0.25">
      <c r="C6" s="19"/>
      <c r="E6"/>
      <c r="F6"/>
      <c r="H6" s="19"/>
    </row>
    <row r="7" spans="3:8" ht="15.75" thickBot="1" x14ac:dyDescent="0.3">
      <c r="C7" s="19"/>
      <c r="E7"/>
      <c r="F7"/>
      <c r="H7" s="19"/>
    </row>
    <row r="8" spans="3:8" x14ac:dyDescent="0.25">
      <c r="C8" s="19"/>
      <c r="D8" s="24" t="s">
        <v>2</v>
      </c>
      <c r="E8" s="24" t="s">
        <v>3</v>
      </c>
      <c r="F8" s="24" t="s">
        <v>4</v>
      </c>
      <c r="G8" s="31" t="s">
        <v>5</v>
      </c>
      <c r="H8" s="19"/>
    </row>
    <row r="9" spans="3:8" ht="30" x14ac:dyDescent="0.25">
      <c r="C9" s="19"/>
      <c r="D9" s="23" t="s">
        <v>47</v>
      </c>
      <c r="E9" s="22" t="s">
        <v>46</v>
      </c>
      <c r="F9" s="22" t="s">
        <v>48</v>
      </c>
      <c r="G9" s="32"/>
      <c r="H9" s="19"/>
    </row>
    <row r="10" spans="3:8" x14ac:dyDescent="0.25">
      <c r="C10" s="19"/>
      <c r="D10" s="23"/>
      <c r="E10" s="22"/>
      <c r="F10" s="22"/>
      <c r="G10" s="34"/>
      <c r="H10" s="19"/>
    </row>
    <row r="11" spans="3:8" x14ac:dyDescent="0.25">
      <c r="C11" s="19"/>
      <c r="D11" s="21"/>
      <c r="E11" s="21"/>
      <c r="F11" s="21"/>
      <c r="G11" s="34"/>
      <c r="H11" s="19"/>
    </row>
    <row r="12" spans="3:8" x14ac:dyDescent="0.25">
      <c r="C12" s="19"/>
      <c r="D12" s="21"/>
      <c r="E12" s="21"/>
      <c r="F12" s="21"/>
      <c r="G12" s="34"/>
      <c r="H12" s="19"/>
    </row>
    <row r="13" spans="3:8" x14ac:dyDescent="0.25">
      <c r="C13" s="19"/>
      <c r="D13" s="21"/>
      <c r="E13" s="21"/>
      <c r="F13" s="21"/>
      <c r="G13" s="34"/>
      <c r="H13" s="19"/>
    </row>
    <row r="14" spans="3:8" x14ac:dyDescent="0.25">
      <c r="C14" s="19"/>
      <c r="D14" s="21"/>
      <c r="E14" s="21"/>
      <c r="F14" s="21"/>
      <c r="G14" s="34"/>
      <c r="H14" s="19"/>
    </row>
    <row r="15" spans="3:8" x14ac:dyDescent="0.25">
      <c r="C15" s="19"/>
      <c r="D15" s="21"/>
      <c r="E15" s="21"/>
      <c r="F15" s="21"/>
      <c r="G15" s="34"/>
      <c r="H15" s="19"/>
    </row>
    <row r="16" spans="3:8" x14ac:dyDescent="0.25">
      <c r="C16" s="19"/>
      <c r="D16" s="21"/>
      <c r="E16" s="21"/>
      <c r="F16" s="21"/>
      <c r="G16" s="34"/>
      <c r="H16" s="19"/>
    </row>
    <row r="17" spans="2:8" x14ac:dyDescent="0.25">
      <c r="C17" s="19"/>
      <c r="D17" s="21"/>
      <c r="E17" s="21"/>
      <c r="F17" s="21"/>
      <c r="G17" s="34"/>
      <c r="H17" s="19"/>
    </row>
    <row r="18" spans="2:8" x14ac:dyDescent="0.25">
      <c r="C18" s="19"/>
      <c r="D18" s="21"/>
      <c r="E18" s="21"/>
      <c r="F18" s="21"/>
      <c r="G18" s="34"/>
      <c r="H18" s="19"/>
    </row>
    <row r="19" spans="2:8" x14ac:dyDescent="0.25">
      <c r="B19" s="26"/>
      <c r="C19" s="19"/>
      <c r="D19" s="21"/>
      <c r="E19" s="21"/>
      <c r="F19" s="21"/>
      <c r="G19" s="34"/>
      <c r="H19" s="19"/>
    </row>
    <row r="20" spans="2:8" x14ac:dyDescent="0.25">
      <c r="C20" s="19"/>
      <c r="D20" s="21"/>
      <c r="E20" s="21"/>
      <c r="F20" s="21"/>
      <c r="G20" s="34"/>
      <c r="H20" s="19"/>
    </row>
    <row r="21" spans="2:8" x14ac:dyDescent="0.25">
      <c r="C21" s="19"/>
      <c r="D21" s="21"/>
      <c r="E21" s="21"/>
      <c r="F21" s="21"/>
      <c r="G21" s="34"/>
      <c r="H21" s="19"/>
    </row>
    <row r="22" spans="2:8" x14ac:dyDescent="0.25">
      <c r="C22" s="19"/>
      <c r="D22" s="21"/>
      <c r="E22" s="21"/>
      <c r="F22" s="21"/>
      <c r="G22" s="34"/>
      <c r="H22" s="19"/>
    </row>
    <row r="23" spans="2:8" x14ac:dyDescent="0.25">
      <c r="C23" s="19"/>
      <c r="D23" s="21"/>
      <c r="E23" s="21"/>
      <c r="F23" s="21"/>
      <c r="G23" s="34"/>
      <c r="H23" s="19"/>
    </row>
    <row r="24" spans="2:8" x14ac:dyDescent="0.25">
      <c r="C24" s="19"/>
      <c r="D24" s="21"/>
      <c r="E24" s="21"/>
      <c r="F24" s="21"/>
      <c r="G24" s="34"/>
      <c r="H24" s="19"/>
    </row>
    <row r="25" spans="2:8" x14ac:dyDescent="0.25">
      <c r="C25" s="19"/>
      <c r="D25" s="21"/>
      <c r="E25" s="21"/>
      <c r="F25" s="21"/>
      <c r="G25" s="34"/>
      <c r="H25" s="19"/>
    </row>
    <row r="26" spans="2:8" x14ac:dyDescent="0.25">
      <c r="C26" s="19"/>
      <c r="D26" s="21"/>
      <c r="E26" s="21"/>
      <c r="F26" s="21"/>
      <c r="G26" s="34"/>
      <c r="H26" s="19"/>
    </row>
    <row r="27" spans="2:8" x14ac:dyDescent="0.25">
      <c r="C27" s="19"/>
      <c r="D27" s="21"/>
      <c r="E27" s="21"/>
      <c r="F27" s="21"/>
      <c r="G27" s="34"/>
      <c r="H27" s="19"/>
    </row>
    <row r="28" spans="2:8" x14ac:dyDescent="0.25">
      <c r="C28" s="19"/>
      <c r="D28" s="21"/>
      <c r="E28" s="21"/>
      <c r="F28" s="21"/>
      <c r="G28" s="34"/>
      <c r="H28" s="19"/>
    </row>
    <row r="29" spans="2:8" x14ac:dyDescent="0.25">
      <c r="C29" s="19"/>
      <c r="D29" s="21"/>
      <c r="E29" s="21"/>
      <c r="F29" s="21"/>
      <c r="G29" s="34"/>
      <c r="H29" s="19"/>
    </row>
    <row r="30" spans="2:8" x14ac:dyDescent="0.25">
      <c r="C30" s="19"/>
      <c r="D30" s="21"/>
      <c r="E30" s="21"/>
      <c r="F30" s="21"/>
      <c r="G30" s="34"/>
      <c r="H30" s="19"/>
    </row>
    <row r="31" spans="2:8" x14ac:dyDescent="0.25">
      <c r="C31" s="19"/>
      <c r="D31" s="21"/>
      <c r="E31" s="21"/>
      <c r="F31" s="21"/>
      <c r="G31" s="34"/>
      <c r="H31" s="19"/>
    </row>
    <row r="32" spans="2:8" x14ac:dyDescent="0.25">
      <c r="C32" s="19"/>
      <c r="D32" s="21"/>
      <c r="E32" s="21"/>
      <c r="F32" s="21"/>
      <c r="G32" s="34"/>
      <c r="H32" s="19"/>
    </row>
    <row r="33" spans="3:8" x14ac:dyDescent="0.25">
      <c r="C33" s="19"/>
      <c r="D33" s="21"/>
      <c r="E33" s="21"/>
      <c r="F33" s="21"/>
      <c r="G33" s="34"/>
      <c r="H33" s="19"/>
    </row>
    <row r="34" spans="3:8" x14ac:dyDescent="0.25">
      <c r="C34" s="19"/>
      <c r="D34" s="21"/>
      <c r="E34" s="21"/>
      <c r="F34" s="21"/>
      <c r="G34" s="34"/>
      <c r="H34" s="19"/>
    </row>
    <row r="35" spans="3:8" x14ac:dyDescent="0.25">
      <c r="C35" s="19"/>
      <c r="D35" s="21"/>
      <c r="E35" s="21"/>
      <c r="F35" s="21"/>
      <c r="G35" s="34"/>
      <c r="H35" s="19"/>
    </row>
    <row r="36" spans="3:8" x14ac:dyDescent="0.25">
      <c r="C36" s="19"/>
      <c r="D36" s="21"/>
      <c r="E36" s="21"/>
      <c r="F36" s="21"/>
      <c r="G36" s="34"/>
      <c r="H36" s="19"/>
    </row>
    <row r="37" spans="3:8" x14ac:dyDescent="0.25">
      <c r="C37" s="19"/>
      <c r="D37" s="21"/>
      <c r="E37" s="21"/>
      <c r="F37" s="21"/>
      <c r="G37" s="34"/>
      <c r="H37" s="19"/>
    </row>
    <row r="38" spans="3:8" x14ac:dyDescent="0.25">
      <c r="C38" s="19"/>
      <c r="D38" s="21"/>
      <c r="E38" s="21"/>
      <c r="F38" s="21"/>
      <c r="G38" s="34"/>
      <c r="H38" s="19"/>
    </row>
    <row r="39" spans="3:8" x14ac:dyDescent="0.25">
      <c r="C39" s="19"/>
      <c r="D39" s="21"/>
      <c r="E39" s="21"/>
      <c r="F39" s="21"/>
      <c r="G39" s="34"/>
      <c r="H39" s="19"/>
    </row>
    <row r="40" spans="3:8" x14ac:dyDescent="0.25">
      <c r="C40" s="19"/>
      <c r="D40" s="21"/>
      <c r="E40" s="21"/>
      <c r="F40" s="21"/>
      <c r="G40" s="34"/>
      <c r="H40" s="19"/>
    </row>
    <row r="41" spans="3:8" x14ac:dyDescent="0.25">
      <c r="C41" s="19"/>
      <c r="D41" s="21"/>
      <c r="E41" s="21"/>
      <c r="F41" s="21"/>
      <c r="G41" s="34"/>
      <c r="H41" s="19"/>
    </row>
    <row r="42" spans="3:8" x14ac:dyDescent="0.25">
      <c r="C42" s="19"/>
      <c r="D42" s="19"/>
      <c r="E42" s="19"/>
      <c r="F42" s="19"/>
      <c r="G42" s="35"/>
      <c r="H42" s="19"/>
    </row>
    <row r="43" spans="3:8" s="3" customFormat="1" x14ac:dyDescent="0.25">
      <c r="G43" s="29"/>
    </row>
    <row r="44" spans="3:8" s="3" customFormat="1" x14ac:dyDescent="0.25">
      <c r="G44" s="29"/>
    </row>
    <row r="45" spans="3:8" s="3" customFormat="1" x14ac:dyDescent="0.25">
      <c r="E45" s="27"/>
      <c r="F45" s="27"/>
      <c r="G45" s="29"/>
    </row>
    <row r="46" spans="3:8" s="3" customFormat="1" x14ac:dyDescent="0.25">
      <c r="E46" s="27"/>
      <c r="F46" s="27"/>
      <c r="G46" s="29"/>
    </row>
    <row r="47" spans="3:8" s="3" customFormat="1" x14ac:dyDescent="0.25">
      <c r="E47" s="27"/>
      <c r="F47" s="27"/>
      <c r="G47" s="29"/>
    </row>
    <row r="48" spans="3:8" s="3" customFormat="1" x14ac:dyDescent="0.25">
      <c r="E48" s="27"/>
      <c r="F48" s="27"/>
      <c r="G48" s="29"/>
    </row>
    <row r="49" spans="5:7" s="3" customFormat="1" x14ac:dyDescent="0.25">
      <c r="E49" s="27"/>
      <c r="F49" s="27"/>
      <c r="G49" s="29"/>
    </row>
    <row r="50" spans="5:7" s="3" customFormat="1" x14ac:dyDescent="0.25">
      <c r="E50" s="27"/>
      <c r="F50" s="27"/>
      <c r="G50" s="29"/>
    </row>
    <row r="51" spans="5:7" s="3" customFormat="1" x14ac:dyDescent="0.25">
      <c r="E51" s="27"/>
      <c r="F51" s="27"/>
      <c r="G51" s="29"/>
    </row>
    <row r="52" spans="5:7" s="3" customFormat="1" x14ac:dyDescent="0.25">
      <c r="E52" s="27"/>
      <c r="F52" s="27"/>
      <c r="G52" s="29"/>
    </row>
    <row r="53" spans="5:7" s="3" customFormat="1" x14ac:dyDescent="0.25">
      <c r="E53" s="27"/>
      <c r="F53" s="27"/>
      <c r="G53" s="29"/>
    </row>
    <row r="54" spans="5:7" s="3" customFormat="1" x14ac:dyDescent="0.25">
      <c r="E54" s="27"/>
      <c r="F54" s="27"/>
      <c r="G54" s="29"/>
    </row>
    <row r="55" spans="5:7" s="3" customFormat="1" x14ac:dyDescent="0.25">
      <c r="E55" s="27"/>
      <c r="F55" s="27"/>
      <c r="G55" s="29"/>
    </row>
    <row r="56" spans="5:7" s="3" customFormat="1" x14ac:dyDescent="0.25">
      <c r="E56" s="27"/>
      <c r="F56" s="27"/>
      <c r="G56" s="29"/>
    </row>
    <row r="57" spans="5:7" s="3" customFormat="1" x14ac:dyDescent="0.25">
      <c r="E57" s="27"/>
      <c r="F57" s="27"/>
      <c r="G57" s="29"/>
    </row>
    <row r="58" spans="5:7" s="3" customFormat="1" x14ac:dyDescent="0.25">
      <c r="E58" s="27"/>
      <c r="F58" s="27"/>
      <c r="G58" s="29"/>
    </row>
    <row r="59" spans="5:7" s="3" customFormat="1" x14ac:dyDescent="0.25">
      <c r="E59" s="27"/>
      <c r="F59" s="27"/>
      <c r="G59" s="29"/>
    </row>
    <row r="60" spans="5:7" s="3" customFormat="1" x14ac:dyDescent="0.25">
      <c r="E60" s="27"/>
      <c r="F60" s="27"/>
      <c r="G60" s="29"/>
    </row>
    <row r="61" spans="5:7" s="3" customFormat="1" x14ac:dyDescent="0.25">
      <c r="E61" s="27"/>
      <c r="F61" s="27"/>
      <c r="G61" s="29"/>
    </row>
    <row r="62" spans="5:7" s="3" customFormat="1" x14ac:dyDescent="0.25">
      <c r="E62" s="27"/>
      <c r="F62" s="27"/>
      <c r="G62" s="29"/>
    </row>
    <row r="63" spans="5:7" s="3" customFormat="1" x14ac:dyDescent="0.25">
      <c r="E63" s="27"/>
      <c r="F63" s="27"/>
      <c r="G63" s="29"/>
    </row>
    <row r="64" spans="5:7" s="3" customFormat="1" x14ac:dyDescent="0.25">
      <c r="E64" s="27"/>
      <c r="F64" s="27"/>
      <c r="G64" s="29"/>
    </row>
    <row r="65" spans="5:7" s="3" customFormat="1" x14ac:dyDescent="0.25">
      <c r="E65" s="27"/>
      <c r="F65" s="27"/>
      <c r="G65" s="29"/>
    </row>
    <row r="66" spans="5:7" s="3" customFormat="1" x14ac:dyDescent="0.25">
      <c r="E66" s="27"/>
      <c r="F66" s="27"/>
      <c r="G66" s="29"/>
    </row>
    <row r="67" spans="5:7" s="3" customFormat="1" x14ac:dyDescent="0.25">
      <c r="E67" s="27"/>
      <c r="F67" s="27"/>
      <c r="G67" s="29"/>
    </row>
    <row r="68" spans="5:7" s="3" customFormat="1" x14ac:dyDescent="0.25">
      <c r="E68" s="27"/>
      <c r="F68" s="27"/>
      <c r="G68" s="29"/>
    </row>
    <row r="69" spans="5:7" s="3" customFormat="1" x14ac:dyDescent="0.25">
      <c r="E69" s="27"/>
      <c r="F69" s="27"/>
      <c r="G69" s="29"/>
    </row>
    <row r="70" spans="5:7" s="3" customFormat="1" x14ac:dyDescent="0.25">
      <c r="E70" s="27"/>
      <c r="F70" s="27"/>
      <c r="G70" s="29"/>
    </row>
    <row r="71" spans="5:7" s="3" customFormat="1" x14ac:dyDescent="0.25">
      <c r="E71" s="27"/>
      <c r="F71" s="27"/>
      <c r="G71" s="29"/>
    </row>
    <row r="72" spans="5:7" s="3" customFormat="1" x14ac:dyDescent="0.25">
      <c r="E72" s="27"/>
      <c r="F72" s="27"/>
      <c r="G72" s="29"/>
    </row>
    <row r="73" spans="5:7" s="3" customFormat="1" x14ac:dyDescent="0.25">
      <c r="E73" s="27"/>
      <c r="F73" s="27"/>
      <c r="G73" s="29"/>
    </row>
    <row r="74" spans="5:7" s="3" customFormat="1" x14ac:dyDescent="0.25">
      <c r="E74" s="27"/>
      <c r="F74" s="27"/>
      <c r="G74" s="29"/>
    </row>
    <row r="75" spans="5:7" s="3" customFormat="1" x14ac:dyDescent="0.25">
      <c r="E75" s="27"/>
      <c r="F75" s="27"/>
      <c r="G75" s="29"/>
    </row>
    <row r="76" spans="5:7" s="3" customFormat="1" x14ac:dyDescent="0.25">
      <c r="E76" s="27"/>
      <c r="F76" s="27"/>
      <c r="G76" s="29"/>
    </row>
    <row r="77" spans="5:7" s="3" customFormat="1" x14ac:dyDescent="0.25">
      <c r="E77" s="27"/>
      <c r="F77" s="27"/>
      <c r="G77" s="29"/>
    </row>
    <row r="78" spans="5:7" s="3" customFormat="1" x14ac:dyDescent="0.25">
      <c r="E78" s="27"/>
      <c r="F78" s="27"/>
      <c r="G78" s="29"/>
    </row>
    <row r="79" spans="5:7" s="3" customFormat="1" x14ac:dyDescent="0.25">
      <c r="E79" s="27"/>
      <c r="F79" s="27"/>
      <c r="G79" s="29"/>
    </row>
    <row r="80" spans="5:7" s="3" customFormat="1" x14ac:dyDescent="0.25">
      <c r="E80" s="27"/>
      <c r="F80" s="27"/>
      <c r="G80" s="29"/>
    </row>
    <row r="81" spans="5:7" s="3" customFormat="1" x14ac:dyDescent="0.25">
      <c r="E81" s="27"/>
      <c r="F81" s="27"/>
      <c r="G81" s="29"/>
    </row>
    <row r="82" spans="5:7" s="3" customFormat="1" x14ac:dyDescent="0.25">
      <c r="E82" s="27"/>
      <c r="F82" s="27"/>
      <c r="G82" s="29"/>
    </row>
  </sheetData>
  <mergeCells count="1">
    <mergeCell ref="D3:G3"/>
  </mergeCells>
  <pageMargins left="0.7" right="0.7" top="0.75" bottom="0.75" header="0.3" footer="0.3"/>
  <pageSetup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54899C-2E89-4DC4-B4C9-65AD0B385F09}">
  <dimension ref="A1:E31"/>
  <sheetViews>
    <sheetView workbookViewId="0"/>
  </sheetViews>
  <sheetFormatPr defaultRowHeight="15" x14ac:dyDescent="0.25"/>
  <cols>
    <col min="4" max="4" width="91.5703125" customWidth="1"/>
  </cols>
  <sheetData>
    <row r="1" spans="1:5" ht="28.5" x14ac:dyDescent="0.45">
      <c r="A1" s="43" t="s">
        <v>6</v>
      </c>
      <c r="B1" s="44"/>
      <c r="C1" s="44"/>
      <c r="D1" s="44"/>
      <c r="E1" s="45" t="s">
        <v>7</v>
      </c>
    </row>
    <row r="2" spans="1:5" x14ac:dyDescent="0.25">
      <c r="A2" s="46"/>
      <c r="B2" s="46"/>
      <c r="C2" s="46"/>
      <c r="D2" s="46"/>
      <c r="E2" s="46"/>
    </row>
    <row r="3" spans="1:5" x14ac:dyDescent="0.25">
      <c r="A3" s="47" t="s">
        <v>7</v>
      </c>
      <c r="B3" s="47" t="s">
        <v>7</v>
      </c>
      <c r="C3" s="47" t="s">
        <v>7</v>
      </c>
      <c r="D3" s="47" t="s">
        <v>7</v>
      </c>
      <c r="E3" s="47" t="s">
        <v>7</v>
      </c>
    </row>
    <row r="4" spans="1:5" ht="21" x14ac:dyDescent="0.35">
      <c r="A4" s="47" t="s">
        <v>7</v>
      </c>
      <c r="B4" s="387" t="s">
        <v>8</v>
      </c>
      <c r="C4" s="387"/>
      <c r="D4" s="387"/>
      <c r="E4" s="47" t="s">
        <v>7</v>
      </c>
    </row>
    <row r="5" spans="1:5" ht="23.25" x14ac:dyDescent="0.35">
      <c r="A5" s="47" t="s">
        <v>7</v>
      </c>
      <c r="B5" s="385" t="s">
        <v>9</v>
      </c>
      <c r="C5" s="386"/>
      <c r="D5" s="386"/>
      <c r="E5" s="47" t="s">
        <v>7</v>
      </c>
    </row>
    <row r="6" spans="1:5" ht="18.75" x14ac:dyDescent="0.3">
      <c r="A6" s="47" t="s">
        <v>7</v>
      </c>
      <c r="B6" s="48" t="s">
        <v>10</v>
      </c>
      <c r="C6" s="49" t="s">
        <v>11</v>
      </c>
      <c r="D6" s="50" t="s">
        <v>12</v>
      </c>
      <c r="E6" s="47" t="s">
        <v>7</v>
      </c>
    </row>
    <row r="7" spans="1:5" ht="18.75" x14ac:dyDescent="0.3">
      <c r="A7" s="47" t="s">
        <v>7</v>
      </c>
      <c r="B7" s="51" t="s">
        <v>7</v>
      </c>
      <c r="C7" s="52" t="s">
        <v>13</v>
      </c>
      <c r="D7" s="53" t="s">
        <v>14</v>
      </c>
      <c r="E7" s="47" t="s">
        <v>7</v>
      </c>
    </row>
    <row r="8" spans="1:5" ht="18.75" x14ac:dyDescent="0.3">
      <c r="A8" s="47" t="s">
        <v>7</v>
      </c>
      <c r="B8" s="48" t="s">
        <v>15</v>
      </c>
      <c r="C8" s="49" t="s">
        <v>11</v>
      </c>
      <c r="D8" s="50" t="s">
        <v>16</v>
      </c>
      <c r="E8" s="47" t="s">
        <v>7</v>
      </c>
    </row>
    <row r="9" spans="1:5" ht="18.75" x14ac:dyDescent="0.3">
      <c r="A9" s="47" t="s">
        <v>7</v>
      </c>
      <c r="B9" s="51" t="s">
        <v>7</v>
      </c>
      <c r="C9" s="52" t="s">
        <v>13</v>
      </c>
      <c r="D9" s="53" t="s">
        <v>17</v>
      </c>
      <c r="E9" s="47" t="s">
        <v>7</v>
      </c>
    </row>
    <row r="10" spans="1:5" ht="21" x14ac:dyDescent="0.35">
      <c r="A10" s="47" t="s">
        <v>7</v>
      </c>
      <c r="B10" s="384" t="s">
        <v>8</v>
      </c>
      <c r="C10" s="384"/>
      <c r="D10" s="384"/>
      <c r="E10" s="47" t="s">
        <v>7</v>
      </c>
    </row>
    <row r="11" spans="1:5" ht="23.25" x14ac:dyDescent="0.35">
      <c r="A11" s="47" t="s">
        <v>7</v>
      </c>
      <c r="B11" s="385" t="s">
        <v>18</v>
      </c>
      <c r="C11" s="386"/>
      <c r="D11" s="386"/>
      <c r="E11" s="47" t="s">
        <v>7</v>
      </c>
    </row>
    <row r="12" spans="1:5" ht="18.75" x14ac:dyDescent="0.3">
      <c r="A12" s="47" t="s">
        <v>7</v>
      </c>
      <c r="B12" s="48" t="s">
        <v>10</v>
      </c>
      <c r="C12" s="49" t="s">
        <v>11</v>
      </c>
      <c r="D12" s="50" t="s">
        <v>19</v>
      </c>
      <c r="E12" s="47" t="s">
        <v>7</v>
      </c>
    </row>
    <row r="13" spans="1:5" ht="18.75" x14ac:dyDescent="0.3">
      <c r="A13" s="47" t="s">
        <v>7</v>
      </c>
      <c r="B13" s="51" t="s">
        <v>7</v>
      </c>
      <c r="C13" s="52" t="s">
        <v>13</v>
      </c>
      <c r="D13" s="53" t="s">
        <v>20</v>
      </c>
      <c r="E13" s="47" t="s">
        <v>7</v>
      </c>
    </row>
    <row r="14" spans="1:5" ht="18.75" x14ac:dyDescent="0.3">
      <c r="A14" s="47" t="s">
        <v>7</v>
      </c>
      <c r="B14" s="48" t="s">
        <v>15</v>
      </c>
      <c r="C14" s="49" t="s">
        <v>11</v>
      </c>
      <c r="D14" s="50" t="s">
        <v>21</v>
      </c>
      <c r="E14" s="47" t="s">
        <v>7</v>
      </c>
    </row>
    <row r="15" spans="1:5" ht="18.75" x14ac:dyDescent="0.3">
      <c r="A15" s="47" t="s">
        <v>7</v>
      </c>
      <c r="B15" s="51" t="s">
        <v>7</v>
      </c>
      <c r="C15" s="52" t="s">
        <v>13</v>
      </c>
      <c r="D15" s="53" t="s">
        <v>22</v>
      </c>
      <c r="E15" s="47" t="s">
        <v>7</v>
      </c>
    </row>
    <row r="16" spans="1:5" x14ac:dyDescent="0.25">
      <c r="A16" s="47" t="s">
        <v>7</v>
      </c>
      <c r="B16" s="47" t="s">
        <v>7</v>
      </c>
      <c r="C16" s="47" t="s">
        <v>7</v>
      </c>
      <c r="D16" s="47" t="s">
        <v>7</v>
      </c>
      <c r="E16" s="47" t="s">
        <v>7</v>
      </c>
    </row>
    <row r="17" spans="1:5" x14ac:dyDescent="0.25">
      <c r="A17" s="46"/>
      <c r="B17" s="46"/>
      <c r="C17" s="46"/>
      <c r="D17" s="46"/>
      <c r="E17" s="46"/>
    </row>
    <row r="18" spans="1:5" x14ac:dyDescent="0.25">
      <c r="A18" s="54" t="s">
        <v>7</v>
      </c>
      <c r="B18" s="54" t="s">
        <v>7</v>
      </c>
      <c r="C18" s="54" t="s">
        <v>7</v>
      </c>
      <c r="D18" s="54" t="s">
        <v>7</v>
      </c>
      <c r="E18" s="54" t="s">
        <v>7</v>
      </c>
    </row>
    <row r="19" spans="1:5" ht="21" x14ac:dyDescent="0.35">
      <c r="A19" s="54" t="s">
        <v>7</v>
      </c>
      <c r="B19" s="387" t="s">
        <v>23</v>
      </c>
      <c r="C19" s="387"/>
      <c r="D19" s="387"/>
      <c r="E19" s="54" t="s">
        <v>7</v>
      </c>
    </row>
    <row r="20" spans="1:5" ht="23.25" x14ac:dyDescent="0.35">
      <c r="A20" s="54" t="s">
        <v>7</v>
      </c>
      <c r="B20" s="385" t="s">
        <v>9</v>
      </c>
      <c r="C20" s="386"/>
      <c r="D20" s="386"/>
      <c r="E20" s="54" t="s">
        <v>7</v>
      </c>
    </row>
    <row r="21" spans="1:5" ht="18.75" x14ac:dyDescent="0.3">
      <c r="A21" s="54" t="s">
        <v>7</v>
      </c>
      <c r="B21" s="48" t="s">
        <v>10</v>
      </c>
      <c r="C21" s="49" t="s">
        <v>11</v>
      </c>
      <c r="D21" s="50" t="s">
        <v>24</v>
      </c>
      <c r="E21" s="54" t="s">
        <v>7</v>
      </c>
    </row>
    <row r="22" spans="1:5" ht="18.75" x14ac:dyDescent="0.3">
      <c r="A22" s="54" t="s">
        <v>7</v>
      </c>
      <c r="B22" s="51" t="s">
        <v>7</v>
      </c>
      <c r="C22" s="52" t="s">
        <v>13</v>
      </c>
      <c r="D22" s="53" t="s">
        <v>14</v>
      </c>
      <c r="E22" s="54" t="s">
        <v>7</v>
      </c>
    </row>
    <row r="23" spans="1:5" ht="18.75" x14ac:dyDescent="0.3">
      <c r="A23" s="54" t="s">
        <v>7</v>
      </c>
      <c r="B23" s="48" t="s">
        <v>15</v>
      </c>
      <c r="C23" s="49" t="s">
        <v>11</v>
      </c>
      <c r="D23" s="50" t="s">
        <v>25</v>
      </c>
      <c r="E23" s="54" t="s">
        <v>7</v>
      </c>
    </row>
    <row r="24" spans="1:5" ht="18.75" x14ac:dyDescent="0.3">
      <c r="A24" s="54" t="s">
        <v>7</v>
      </c>
      <c r="B24" s="51" t="s">
        <v>7</v>
      </c>
      <c r="C24" s="52" t="s">
        <v>13</v>
      </c>
      <c r="D24" s="53" t="s">
        <v>17</v>
      </c>
      <c r="E24" s="54" t="s">
        <v>7</v>
      </c>
    </row>
    <row r="25" spans="1:5" ht="21" x14ac:dyDescent="0.35">
      <c r="A25" s="54" t="s">
        <v>7</v>
      </c>
      <c r="B25" s="384" t="s">
        <v>23</v>
      </c>
      <c r="C25" s="384"/>
      <c r="D25" s="384"/>
      <c r="E25" s="54" t="s">
        <v>7</v>
      </c>
    </row>
    <row r="26" spans="1:5" ht="23.25" x14ac:dyDescent="0.35">
      <c r="A26" s="54" t="s">
        <v>7</v>
      </c>
      <c r="B26" s="385" t="s">
        <v>18</v>
      </c>
      <c r="C26" s="386"/>
      <c r="D26" s="386"/>
      <c r="E26" s="54" t="s">
        <v>7</v>
      </c>
    </row>
    <row r="27" spans="1:5" ht="18.75" x14ac:dyDescent="0.3">
      <c r="A27" s="54" t="s">
        <v>7</v>
      </c>
      <c r="B27" s="48" t="s">
        <v>10</v>
      </c>
      <c r="C27" s="49" t="s">
        <v>11</v>
      </c>
      <c r="D27" s="50" t="s">
        <v>26</v>
      </c>
      <c r="E27" s="54" t="s">
        <v>7</v>
      </c>
    </row>
    <row r="28" spans="1:5" ht="18.75" x14ac:dyDescent="0.3">
      <c r="A28" s="54" t="s">
        <v>7</v>
      </c>
      <c r="B28" s="51" t="s">
        <v>7</v>
      </c>
      <c r="C28" s="52" t="s">
        <v>13</v>
      </c>
      <c r="D28" s="53" t="s">
        <v>20</v>
      </c>
      <c r="E28" s="54" t="s">
        <v>7</v>
      </c>
    </row>
    <row r="29" spans="1:5" ht="18.75" x14ac:dyDescent="0.3">
      <c r="A29" s="54" t="s">
        <v>7</v>
      </c>
      <c r="B29" s="48" t="s">
        <v>15</v>
      </c>
      <c r="C29" s="49" t="s">
        <v>11</v>
      </c>
      <c r="D29" s="50" t="s">
        <v>27</v>
      </c>
      <c r="E29" s="54" t="s">
        <v>7</v>
      </c>
    </row>
    <row r="30" spans="1:5" ht="18.75" x14ac:dyDescent="0.3">
      <c r="A30" s="54" t="s">
        <v>7</v>
      </c>
      <c r="B30" s="51" t="s">
        <v>7</v>
      </c>
      <c r="C30" s="52" t="s">
        <v>13</v>
      </c>
      <c r="D30" s="53" t="s">
        <v>22</v>
      </c>
      <c r="E30" s="54" t="s">
        <v>7</v>
      </c>
    </row>
    <row r="31" spans="1:5" x14ac:dyDescent="0.25">
      <c r="A31" s="54" t="s">
        <v>7</v>
      </c>
      <c r="B31" s="54" t="s">
        <v>7</v>
      </c>
      <c r="C31" s="54" t="s">
        <v>7</v>
      </c>
      <c r="D31" s="54" t="s">
        <v>7</v>
      </c>
      <c r="E31" s="54" t="s">
        <v>7</v>
      </c>
    </row>
  </sheetData>
  <mergeCells count="8">
    <mergeCell ref="B25:D25"/>
    <mergeCell ref="B26:D26"/>
    <mergeCell ref="B4:D4"/>
    <mergeCell ref="B5:D5"/>
    <mergeCell ref="B10:D10"/>
    <mergeCell ref="B11:D11"/>
    <mergeCell ref="B19:D19"/>
    <mergeCell ref="B20:D20"/>
  </mergeCell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C98D31-45ED-4031-9D5E-F719BFDA9AF7}">
  <sheetPr>
    <tabColor theme="3" tint="-0.249977111117893"/>
  </sheetPr>
  <dimension ref="A1"/>
  <sheetViews>
    <sheetView tabSelected="1" zoomScale="70" zoomScaleNormal="70" workbookViewId="0">
      <selection activeCell="AE26" sqref="AE26"/>
    </sheetView>
  </sheetViews>
  <sheetFormatPr defaultColWidth="9.140625" defaultRowHeight="15" x14ac:dyDescent="0.25"/>
  <cols>
    <col min="1" max="16384" width="9.140625" style="3"/>
  </cols>
  <sheetData/>
  <pageMargins left="0.7" right="0.7" top="0.75" bottom="0.75" header="0.3" footer="0.3"/>
  <pageSetup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70A02C-0EAA-4A39-8115-8675C1AF0832}">
  <sheetPr>
    <tabColor theme="7" tint="-0.249977111117893"/>
  </sheetPr>
  <dimension ref="A1:D125"/>
  <sheetViews>
    <sheetView topLeftCell="A95" zoomScale="85" zoomScaleNormal="85" workbookViewId="0">
      <selection activeCell="A129" sqref="A129"/>
    </sheetView>
  </sheetViews>
  <sheetFormatPr defaultColWidth="9.140625" defaultRowHeight="15" x14ac:dyDescent="0.25"/>
  <cols>
    <col min="1" max="1" width="104.140625" style="3" customWidth="1"/>
    <col min="2" max="2" width="62" style="3" customWidth="1"/>
    <col min="3" max="3" width="73.5703125" style="28" customWidth="1"/>
    <col min="4" max="16384" width="9.140625" style="3"/>
  </cols>
  <sheetData>
    <row r="1" spans="1:3" s="30" customFormat="1" ht="51.75" customHeight="1" thickBot="1" x14ac:dyDescent="0.3">
      <c r="A1" s="394" t="s">
        <v>263</v>
      </c>
      <c r="B1" s="394"/>
      <c r="C1" s="394"/>
    </row>
    <row r="2" spans="1:3" ht="79.5" thickBot="1" x14ac:dyDescent="0.3">
      <c r="A2" s="40" t="s">
        <v>135</v>
      </c>
      <c r="B2" s="40" t="s">
        <v>28</v>
      </c>
      <c r="C2" s="40" t="s">
        <v>136</v>
      </c>
    </row>
    <row r="3" spans="1:3" ht="16.5" thickBot="1" x14ac:dyDescent="0.3">
      <c r="A3" s="41" t="s">
        <v>208</v>
      </c>
      <c r="B3" s="55"/>
      <c r="C3" s="56" t="s">
        <v>49</v>
      </c>
    </row>
    <row r="4" spans="1:3" ht="16.5" thickBot="1" x14ac:dyDescent="0.3">
      <c r="A4" s="41" t="s">
        <v>202</v>
      </c>
      <c r="B4" s="55"/>
      <c r="C4" s="56" t="s">
        <v>50</v>
      </c>
    </row>
    <row r="5" spans="1:3" ht="16.5" thickBot="1" x14ac:dyDescent="0.3">
      <c r="A5" s="42" t="s">
        <v>51</v>
      </c>
      <c r="B5" s="55"/>
      <c r="C5" s="57" t="s">
        <v>52</v>
      </c>
    </row>
    <row r="6" spans="1:3" ht="158.25" thickBot="1" x14ac:dyDescent="0.3">
      <c r="A6" s="81" t="s">
        <v>137</v>
      </c>
      <c r="B6" s="58" t="s">
        <v>53</v>
      </c>
      <c r="C6" s="59" t="s">
        <v>54</v>
      </c>
    </row>
    <row r="7" spans="1:3" ht="16.5" thickBot="1" x14ac:dyDescent="0.3">
      <c r="A7" s="103" t="s">
        <v>55</v>
      </c>
      <c r="B7" s="58" t="s">
        <v>56</v>
      </c>
      <c r="C7" s="59" t="s">
        <v>57</v>
      </c>
    </row>
    <row r="8" spans="1:3" ht="15.75" x14ac:dyDescent="0.25">
      <c r="A8" s="87" t="s">
        <v>138</v>
      </c>
      <c r="B8" s="61" t="s">
        <v>58</v>
      </c>
      <c r="C8" s="395" t="s">
        <v>59</v>
      </c>
    </row>
    <row r="9" spans="1:3" ht="15.75" x14ac:dyDescent="0.25">
      <c r="A9" s="88" t="s">
        <v>139</v>
      </c>
      <c r="B9" s="63" t="s">
        <v>60</v>
      </c>
      <c r="C9" s="396"/>
    </row>
    <row r="10" spans="1:3" ht="16.5" thickBot="1" x14ac:dyDescent="0.3">
      <c r="A10" s="89" t="s">
        <v>61</v>
      </c>
      <c r="B10" s="65" t="s">
        <v>62</v>
      </c>
      <c r="C10" s="397"/>
    </row>
    <row r="11" spans="1:3" ht="15.75" x14ac:dyDescent="0.25">
      <c r="A11" s="93" t="s">
        <v>140</v>
      </c>
      <c r="B11" s="67" t="s">
        <v>63</v>
      </c>
      <c r="C11" s="395" t="s">
        <v>64</v>
      </c>
    </row>
    <row r="12" spans="1:3" ht="15.75" x14ac:dyDescent="0.25">
      <c r="A12" s="88" t="s">
        <v>141</v>
      </c>
      <c r="B12" s="67" t="s">
        <v>65</v>
      </c>
      <c r="C12" s="396"/>
    </row>
    <row r="13" spans="1:3" ht="15.75" x14ac:dyDescent="0.25">
      <c r="A13" s="88" t="s">
        <v>142</v>
      </c>
      <c r="B13" s="67" t="s">
        <v>66</v>
      </c>
      <c r="C13" s="396"/>
    </row>
    <row r="14" spans="1:3" ht="15.75" x14ac:dyDescent="0.25">
      <c r="A14" s="88" t="s">
        <v>143</v>
      </c>
      <c r="B14" s="67" t="s">
        <v>67</v>
      </c>
      <c r="C14" s="396"/>
    </row>
    <row r="15" spans="1:3" ht="15.75" x14ac:dyDescent="0.25">
      <c r="A15" s="88" t="s">
        <v>68</v>
      </c>
      <c r="B15" s="67" t="s">
        <v>69</v>
      </c>
      <c r="C15" s="396"/>
    </row>
    <row r="16" spans="1:3" ht="29.25" customHeight="1" x14ac:dyDescent="0.25">
      <c r="A16" s="88" t="s">
        <v>70</v>
      </c>
      <c r="B16" s="67" t="s">
        <v>71</v>
      </c>
      <c r="C16" s="396"/>
    </row>
    <row r="17" spans="1:3" ht="15.75" x14ac:dyDescent="0.25">
      <c r="A17" s="88" t="s">
        <v>144</v>
      </c>
      <c r="B17" s="108" t="s">
        <v>72</v>
      </c>
      <c r="C17" s="396"/>
    </row>
    <row r="18" spans="1:3" ht="16.5" thickBot="1" x14ac:dyDescent="0.3">
      <c r="A18" s="88" t="s">
        <v>145</v>
      </c>
      <c r="B18" s="68" t="s">
        <v>73</v>
      </c>
      <c r="C18" s="397"/>
    </row>
    <row r="19" spans="1:3" ht="16.5" thickBot="1" x14ac:dyDescent="0.3">
      <c r="A19" s="89" t="s">
        <v>146</v>
      </c>
      <c r="B19" s="67" t="s">
        <v>203</v>
      </c>
      <c r="C19" s="79"/>
    </row>
    <row r="20" spans="1:3" ht="15.75" x14ac:dyDescent="0.25">
      <c r="A20" s="84" t="s">
        <v>147</v>
      </c>
      <c r="B20" s="61" t="s">
        <v>63</v>
      </c>
      <c r="C20" s="395" t="s">
        <v>74</v>
      </c>
    </row>
    <row r="21" spans="1:3" ht="15.75" x14ac:dyDescent="0.25">
      <c r="A21" s="84" t="s">
        <v>148</v>
      </c>
      <c r="B21" s="63" t="s">
        <v>75</v>
      </c>
      <c r="C21" s="396"/>
    </row>
    <row r="22" spans="1:3" ht="16.5" thickBot="1" x14ac:dyDescent="0.3">
      <c r="A22" s="85" t="s">
        <v>149</v>
      </c>
      <c r="B22" s="65" t="s">
        <v>76</v>
      </c>
      <c r="C22" s="397"/>
    </row>
    <row r="23" spans="1:3" ht="95.25" thickBot="1" x14ac:dyDescent="0.3">
      <c r="A23" s="81" t="s">
        <v>150</v>
      </c>
      <c r="B23" s="55" t="s">
        <v>77</v>
      </c>
      <c r="C23" s="42" t="s">
        <v>78</v>
      </c>
    </row>
    <row r="24" spans="1:3" ht="16.5" thickBot="1" x14ac:dyDescent="0.3">
      <c r="A24" s="41" t="s">
        <v>151</v>
      </c>
      <c r="B24" s="69" t="s">
        <v>79</v>
      </c>
      <c r="C24" s="57" t="s">
        <v>80</v>
      </c>
    </row>
    <row r="25" spans="1:3" ht="16.5" thickBot="1" x14ac:dyDescent="0.3">
      <c r="A25" s="82" t="s">
        <v>152</v>
      </c>
      <c r="B25" s="70" t="s">
        <v>204</v>
      </c>
      <c r="C25" s="395" t="s">
        <v>81</v>
      </c>
    </row>
    <row r="26" spans="1:3" ht="16.5" thickBot="1" x14ac:dyDescent="0.3">
      <c r="A26" s="60" t="s">
        <v>153</v>
      </c>
      <c r="B26" s="71" t="s">
        <v>82</v>
      </c>
      <c r="C26" s="396"/>
    </row>
    <row r="27" spans="1:3" ht="15.75" x14ac:dyDescent="0.25">
      <c r="A27" s="94" t="s">
        <v>83</v>
      </c>
      <c r="B27" s="104" t="s">
        <v>84</v>
      </c>
      <c r="C27" s="107" t="s">
        <v>85</v>
      </c>
    </row>
    <row r="28" spans="1:3" ht="15.75" x14ac:dyDescent="0.25">
      <c r="A28" s="95" t="s">
        <v>154</v>
      </c>
      <c r="B28" s="105"/>
      <c r="C28" s="93"/>
    </row>
    <row r="29" spans="1:3" ht="15.75" x14ac:dyDescent="0.25">
      <c r="A29" s="95" t="s">
        <v>86</v>
      </c>
      <c r="B29" s="105"/>
      <c r="C29" s="93"/>
    </row>
    <row r="30" spans="1:3" ht="15.75" x14ac:dyDescent="0.25">
      <c r="A30" s="96" t="s">
        <v>155</v>
      </c>
      <c r="B30" s="105"/>
      <c r="C30" s="93"/>
    </row>
    <row r="31" spans="1:3" ht="15.75" x14ac:dyDescent="0.25">
      <c r="A31" s="96" t="s">
        <v>87</v>
      </c>
      <c r="B31" s="105"/>
      <c r="C31" s="93"/>
    </row>
    <row r="32" spans="1:3" ht="15.75" x14ac:dyDescent="0.25">
      <c r="A32" s="96" t="s">
        <v>154</v>
      </c>
      <c r="B32" s="105"/>
      <c r="C32" s="93"/>
    </row>
    <row r="33" spans="1:3" ht="15.75" x14ac:dyDescent="0.25">
      <c r="A33" s="96" t="s">
        <v>156</v>
      </c>
      <c r="B33" s="105"/>
      <c r="C33" s="93"/>
    </row>
    <row r="34" spans="1:3" ht="15.75" x14ac:dyDescent="0.25">
      <c r="A34" s="96" t="s">
        <v>157</v>
      </c>
      <c r="B34" s="105"/>
      <c r="C34" s="93"/>
    </row>
    <row r="35" spans="1:3" ht="15.75" x14ac:dyDescent="0.25">
      <c r="A35" s="96" t="s">
        <v>88</v>
      </c>
      <c r="B35" s="105"/>
      <c r="C35" s="93"/>
    </row>
    <row r="36" spans="1:3" ht="15.75" x14ac:dyDescent="0.25">
      <c r="A36" s="95" t="s">
        <v>89</v>
      </c>
      <c r="B36" s="105"/>
      <c r="C36" s="93"/>
    </row>
    <row r="37" spans="1:3" ht="15.75" x14ac:dyDescent="0.25">
      <c r="A37" s="95" t="s">
        <v>90</v>
      </c>
      <c r="B37" s="105"/>
      <c r="C37" s="93"/>
    </row>
    <row r="38" spans="1:3" ht="15.75" x14ac:dyDescent="0.25">
      <c r="A38" s="95" t="s">
        <v>158</v>
      </c>
      <c r="B38" s="105"/>
      <c r="C38" s="93"/>
    </row>
    <row r="39" spans="1:3" ht="15.75" x14ac:dyDescent="0.25">
      <c r="A39" s="95" t="s">
        <v>91</v>
      </c>
      <c r="B39" s="106"/>
      <c r="C39" s="93"/>
    </row>
    <row r="40" spans="1:3" ht="15.75" x14ac:dyDescent="0.25">
      <c r="A40" s="95" t="s">
        <v>159</v>
      </c>
      <c r="B40" s="106"/>
      <c r="C40" s="93"/>
    </row>
    <row r="41" spans="1:3" ht="15.75" x14ac:dyDescent="0.25">
      <c r="A41" s="95" t="s">
        <v>160</v>
      </c>
      <c r="B41" s="106"/>
      <c r="C41" s="93"/>
    </row>
    <row r="42" spans="1:3" ht="16.5" thickBot="1" x14ac:dyDescent="0.3">
      <c r="A42" s="95" t="s">
        <v>161</v>
      </c>
      <c r="B42" s="106"/>
      <c r="C42" s="93"/>
    </row>
    <row r="43" spans="1:3" x14ac:dyDescent="0.25">
      <c r="A43" s="87" t="s">
        <v>162</v>
      </c>
      <c r="B43" s="90" t="s">
        <v>92</v>
      </c>
      <c r="C43" s="87" t="s">
        <v>93</v>
      </c>
    </row>
    <row r="44" spans="1:3" x14ac:dyDescent="0.25">
      <c r="A44" s="88" t="s">
        <v>163</v>
      </c>
      <c r="B44" s="91"/>
      <c r="C44" s="88"/>
    </row>
    <row r="45" spans="1:3" x14ac:dyDescent="0.25">
      <c r="A45" s="88" t="s">
        <v>164</v>
      </c>
      <c r="B45" s="91"/>
      <c r="C45" s="88"/>
    </row>
    <row r="46" spans="1:3" x14ac:dyDescent="0.25">
      <c r="A46" s="88" t="s">
        <v>165</v>
      </c>
      <c r="B46" s="91"/>
      <c r="C46" s="88"/>
    </row>
    <row r="47" spans="1:3" ht="15.75" thickBot="1" x14ac:dyDescent="0.3">
      <c r="A47" s="88" t="s">
        <v>94</v>
      </c>
      <c r="B47" s="92"/>
      <c r="C47" s="89"/>
    </row>
    <row r="48" spans="1:3" x14ac:dyDescent="0.25">
      <c r="A48" s="87" t="s">
        <v>166</v>
      </c>
      <c r="B48" s="90" t="s">
        <v>95</v>
      </c>
      <c r="C48" s="87" t="s">
        <v>93</v>
      </c>
    </row>
    <row r="49" spans="1:3" x14ac:dyDescent="0.25">
      <c r="A49" s="88" t="s">
        <v>167</v>
      </c>
      <c r="B49" s="91"/>
      <c r="C49" s="88"/>
    </row>
    <row r="50" spans="1:3" ht="15.75" x14ac:dyDescent="0.25">
      <c r="A50" s="88" t="s">
        <v>168</v>
      </c>
      <c r="B50" s="100"/>
      <c r="C50" s="93"/>
    </row>
    <row r="51" spans="1:3" ht="15.75" x14ac:dyDescent="0.25">
      <c r="A51" s="93" t="s">
        <v>169</v>
      </c>
      <c r="B51" s="91"/>
      <c r="C51" s="88"/>
    </row>
    <row r="52" spans="1:3" ht="15.75" thickBot="1" x14ac:dyDescent="0.3">
      <c r="A52" s="88" t="s">
        <v>170</v>
      </c>
      <c r="B52" s="91"/>
      <c r="C52" s="88"/>
    </row>
    <row r="53" spans="1:3" x14ac:dyDescent="0.25">
      <c r="A53" s="94" t="s">
        <v>171</v>
      </c>
      <c r="B53" s="90" t="s">
        <v>96</v>
      </c>
      <c r="C53" s="87" t="s">
        <v>93</v>
      </c>
    </row>
    <row r="54" spans="1:3" x14ac:dyDescent="0.25">
      <c r="A54" s="95" t="s">
        <v>167</v>
      </c>
      <c r="B54" s="110"/>
      <c r="C54" s="113"/>
    </row>
    <row r="55" spans="1:3" x14ac:dyDescent="0.25">
      <c r="A55" s="95" t="s">
        <v>168</v>
      </c>
      <c r="B55" s="110"/>
      <c r="C55" s="88"/>
    </row>
    <row r="56" spans="1:3" x14ac:dyDescent="0.25">
      <c r="A56" s="95" t="s">
        <v>172</v>
      </c>
      <c r="B56" s="111"/>
      <c r="C56" s="88"/>
    </row>
    <row r="57" spans="1:3" ht="15.75" thickBot="1" x14ac:dyDescent="0.3">
      <c r="A57" s="95" t="s">
        <v>173</v>
      </c>
      <c r="B57" s="91"/>
      <c r="C57" s="88"/>
    </row>
    <row r="58" spans="1:3" x14ac:dyDescent="0.25">
      <c r="A58" s="94" t="s">
        <v>174</v>
      </c>
      <c r="B58" s="90" t="s">
        <v>97</v>
      </c>
      <c r="C58" s="87" t="s">
        <v>93</v>
      </c>
    </row>
    <row r="59" spans="1:3" x14ac:dyDescent="0.25">
      <c r="A59" s="95" t="s">
        <v>175</v>
      </c>
      <c r="B59" s="91"/>
      <c r="C59" s="88"/>
    </row>
    <row r="60" spans="1:3" x14ac:dyDescent="0.25">
      <c r="A60" s="95" t="s">
        <v>176</v>
      </c>
      <c r="B60" s="110"/>
      <c r="C60" s="110"/>
    </row>
    <row r="61" spans="1:3" x14ac:dyDescent="0.25">
      <c r="A61" s="95" t="s">
        <v>177</v>
      </c>
      <c r="B61" s="110"/>
      <c r="C61" s="110"/>
    </row>
    <row r="62" spans="1:3" ht="15.75" thickBot="1" x14ac:dyDescent="0.3">
      <c r="A62" s="97" t="s">
        <v>178</v>
      </c>
      <c r="B62" s="119"/>
      <c r="C62" s="119"/>
    </row>
    <row r="63" spans="1:3" ht="16.5" thickBot="1" x14ac:dyDescent="0.3">
      <c r="A63" s="81" t="s">
        <v>179</v>
      </c>
      <c r="B63" s="106" t="s">
        <v>98</v>
      </c>
      <c r="C63" s="117" t="s">
        <v>99</v>
      </c>
    </row>
    <row r="64" spans="1:3" ht="16.5" thickBot="1" x14ac:dyDescent="0.3">
      <c r="A64" s="83" t="s">
        <v>55</v>
      </c>
      <c r="B64" s="72" t="s">
        <v>100</v>
      </c>
      <c r="C64" s="117"/>
    </row>
    <row r="65" spans="1:3" ht="16.5" thickBot="1" x14ac:dyDescent="0.3">
      <c r="A65" s="60" t="s">
        <v>101</v>
      </c>
      <c r="B65" s="75" t="s">
        <v>102</v>
      </c>
      <c r="C65" s="57" t="s">
        <v>103</v>
      </c>
    </row>
    <row r="66" spans="1:3" ht="16.5" thickBot="1" x14ac:dyDescent="0.3">
      <c r="A66" s="64" t="s">
        <v>180</v>
      </c>
      <c r="B66" s="76" t="s">
        <v>104</v>
      </c>
      <c r="C66" s="57" t="s">
        <v>105</v>
      </c>
    </row>
    <row r="67" spans="1:3" ht="15.75" x14ac:dyDescent="0.25">
      <c r="A67" s="60" t="s">
        <v>181</v>
      </c>
      <c r="B67" s="70" t="s">
        <v>106</v>
      </c>
      <c r="C67" s="77" t="s">
        <v>107</v>
      </c>
    </row>
    <row r="68" spans="1:3" ht="16.5" thickBot="1" x14ac:dyDescent="0.3">
      <c r="A68" s="62" t="s">
        <v>182</v>
      </c>
      <c r="B68" s="71" t="s">
        <v>106</v>
      </c>
      <c r="C68" s="79" t="s">
        <v>107</v>
      </c>
    </row>
    <row r="69" spans="1:3" ht="15.75" x14ac:dyDescent="0.25">
      <c r="A69" s="94" t="s">
        <v>108</v>
      </c>
      <c r="B69" s="122"/>
      <c r="C69" s="107" t="s">
        <v>109</v>
      </c>
    </row>
    <row r="70" spans="1:3" x14ac:dyDescent="0.25">
      <c r="A70" s="95" t="s">
        <v>183</v>
      </c>
      <c r="B70" s="112"/>
      <c r="C70" s="113"/>
    </row>
    <row r="71" spans="1:3" x14ac:dyDescent="0.25">
      <c r="A71" s="95" t="s">
        <v>110</v>
      </c>
      <c r="B71" s="112"/>
      <c r="C71" s="113"/>
    </row>
    <row r="72" spans="1:3" ht="15.75" x14ac:dyDescent="0.25">
      <c r="A72" s="95" t="s">
        <v>111</v>
      </c>
      <c r="B72" s="105"/>
      <c r="C72" s="93"/>
    </row>
    <row r="73" spans="1:3" ht="15.75" x14ac:dyDescent="0.25">
      <c r="A73" s="95" t="s">
        <v>184</v>
      </c>
      <c r="B73" s="105"/>
      <c r="C73" s="93"/>
    </row>
    <row r="74" spans="1:3" ht="16.5" thickBot="1" x14ac:dyDescent="0.3">
      <c r="A74" s="95" t="s">
        <v>185</v>
      </c>
      <c r="B74" s="105"/>
      <c r="C74" s="93"/>
    </row>
    <row r="75" spans="1:3" ht="16.5" thickBot="1" x14ac:dyDescent="0.3">
      <c r="A75" s="95" t="s">
        <v>186</v>
      </c>
      <c r="B75" s="123" t="s">
        <v>112</v>
      </c>
      <c r="C75" s="57" t="s">
        <v>113</v>
      </c>
    </row>
    <row r="76" spans="1:3" ht="15.75" x14ac:dyDescent="0.25">
      <c r="A76" s="87" t="s">
        <v>114</v>
      </c>
      <c r="B76" s="99" t="s">
        <v>84</v>
      </c>
      <c r="C76" s="86" t="s">
        <v>115</v>
      </c>
    </row>
    <row r="77" spans="1:3" x14ac:dyDescent="0.25">
      <c r="A77" s="88" t="s">
        <v>116</v>
      </c>
      <c r="B77" s="110"/>
      <c r="C77" s="113"/>
    </row>
    <row r="78" spans="1:3" ht="15.75" x14ac:dyDescent="0.25">
      <c r="A78" s="88" t="s">
        <v>117</v>
      </c>
      <c r="B78" s="99"/>
      <c r="C78" s="117"/>
    </row>
    <row r="79" spans="1:3" ht="15.75" x14ac:dyDescent="0.25">
      <c r="A79" s="88" t="s">
        <v>118</v>
      </c>
      <c r="B79" s="99"/>
      <c r="C79" s="117"/>
    </row>
    <row r="80" spans="1:3" ht="15.75" x14ac:dyDescent="0.25">
      <c r="A80" s="88" t="s">
        <v>187</v>
      </c>
      <c r="B80" s="88"/>
      <c r="C80" s="93"/>
    </row>
    <row r="81" spans="1:3" x14ac:dyDescent="0.25">
      <c r="A81" s="88" t="s">
        <v>188</v>
      </c>
      <c r="B81" s="110"/>
      <c r="C81" s="113"/>
    </row>
    <row r="82" spans="1:3" x14ac:dyDescent="0.25">
      <c r="A82" s="88" t="s">
        <v>189</v>
      </c>
      <c r="B82" s="110"/>
      <c r="C82" s="113"/>
    </row>
    <row r="83" spans="1:3" ht="15.75" thickBot="1" x14ac:dyDescent="0.3">
      <c r="A83" s="88" t="s">
        <v>205</v>
      </c>
      <c r="B83" s="110"/>
      <c r="C83" s="120"/>
    </row>
    <row r="84" spans="1:3" ht="15.75" x14ac:dyDescent="0.25">
      <c r="A84" s="87" t="s">
        <v>206</v>
      </c>
      <c r="B84" s="101" t="s">
        <v>119</v>
      </c>
      <c r="C84" s="86" t="s">
        <v>120</v>
      </c>
    </row>
    <row r="85" spans="1:3" ht="15.75" x14ac:dyDescent="0.25">
      <c r="A85" s="88" t="s">
        <v>190</v>
      </c>
      <c r="B85" s="102" t="s">
        <v>121</v>
      </c>
      <c r="C85" s="3"/>
    </row>
    <row r="86" spans="1:3" ht="15.75" x14ac:dyDescent="0.25">
      <c r="A86" s="88" t="s">
        <v>191</v>
      </c>
      <c r="B86" s="102" t="s">
        <v>122</v>
      </c>
      <c r="C86" s="86"/>
    </row>
    <row r="87" spans="1:3" ht="15.75" x14ac:dyDescent="0.25">
      <c r="A87" s="88" t="s">
        <v>123</v>
      </c>
      <c r="B87" s="102" t="s">
        <v>124</v>
      </c>
      <c r="C87" s="86"/>
    </row>
    <row r="88" spans="1:3" ht="16.5" thickBot="1" x14ac:dyDescent="0.3">
      <c r="A88" s="89" t="s">
        <v>125</v>
      </c>
      <c r="B88" s="127" t="s">
        <v>126</v>
      </c>
      <c r="C88" s="86"/>
    </row>
    <row r="89" spans="1:3" ht="16.5" thickBot="1" x14ac:dyDescent="0.3">
      <c r="A89" s="64" t="s">
        <v>192</v>
      </c>
      <c r="B89" s="73" t="s">
        <v>127</v>
      </c>
      <c r="C89" s="78"/>
    </row>
    <row r="90" spans="1:3" ht="16.5" thickBot="1" x14ac:dyDescent="0.3">
      <c r="A90" s="41" t="s">
        <v>193</v>
      </c>
      <c r="B90" s="74" t="s">
        <v>128</v>
      </c>
      <c r="C90" s="66"/>
    </row>
    <row r="91" spans="1:3" ht="16.5" thickBot="1" x14ac:dyDescent="0.3">
      <c r="A91" s="41" t="s">
        <v>194</v>
      </c>
      <c r="B91" s="106" t="s">
        <v>98</v>
      </c>
      <c r="C91" s="117" t="s">
        <v>99</v>
      </c>
    </row>
    <row r="92" spans="1:3" ht="16.5" thickBot="1" x14ac:dyDescent="0.3">
      <c r="A92" s="41" t="s">
        <v>55</v>
      </c>
      <c r="B92" s="72" t="s">
        <v>100</v>
      </c>
      <c r="C92" s="117"/>
    </row>
    <row r="93" spans="1:3" ht="16.5" thickBot="1" x14ac:dyDescent="0.3">
      <c r="A93" s="41" t="s">
        <v>101</v>
      </c>
      <c r="B93" s="75" t="s">
        <v>102</v>
      </c>
      <c r="C93" s="57" t="s">
        <v>103</v>
      </c>
    </row>
    <row r="94" spans="1:3" ht="16.5" thickBot="1" x14ac:dyDescent="0.3">
      <c r="A94" s="41" t="s">
        <v>180</v>
      </c>
      <c r="B94" s="76" t="s">
        <v>104</v>
      </c>
      <c r="C94" s="57" t="s">
        <v>105</v>
      </c>
    </row>
    <row r="95" spans="1:3" ht="16.5" thickBot="1" x14ac:dyDescent="0.3">
      <c r="A95" s="41" t="s">
        <v>181</v>
      </c>
      <c r="B95" s="70" t="s">
        <v>106</v>
      </c>
      <c r="C95" s="77" t="s">
        <v>107</v>
      </c>
    </row>
    <row r="96" spans="1:3" ht="16.5" thickBot="1" x14ac:dyDescent="0.3">
      <c r="A96" s="41" t="s">
        <v>182</v>
      </c>
      <c r="B96" s="71" t="s">
        <v>106</v>
      </c>
      <c r="C96" s="79" t="s">
        <v>107</v>
      </c>
    </row>
    <row r="97" spans="1:3" ht="16.5" thickBot="1" x14ac:dyDescent="0.3">
      <c r="A97" s="41" t="s">
        <v>108</v>
      </c>
      <c r="B97" s="122"/>
      <c r="C97" s="107" t="s">
        <v>109</v>
      </c>
    </row>
    <row r="98" spans="1:3" ht="15.75" thickBot="1" x14ac:dyDescent="0.3">
      <c r="A98" s="41" t="s">
        <v>183</v>
      </c>
      <c r="B98" s="112"/>
      <c r="C98" s="113"/>
    </row>
    <row r="99" spans="1:3" ht="15.75" thickBot="1" x14ac:dyDescent="0.3">
      <c r="A99" s="41" t="s">
        <v>110</v>
      </c>
      <c r="B99" s="112"/>
      <c r="C99" s="113"/>
    </row>
    <row r="100" spans="1:3" ht="16.5" thickBot="1" x14ac:dyDescent="0.3">
      <c r="A100" s="41" t="s">
        <v>195</v>
      </c>
      <c r="B100" s="105"/>
      <c r="C100" s="93"/>
    </row>
    <row r="101" spans="1:3" ht="16.5" thickBot="1" x14ac:dyDescent="0.3">
      <c r="A101" s="41" t="s">
        <v>184</v>
      </c>
      <c r="B101" s="105"/>
      <c r="C101" s="93"/>
    </row>
    <row r="102" spans="1:3" ht="16.5" thickBot="1" x14ac:dyDescent="0.3">
      <c r="A102" s="60" t="s">
        <v>196</v>
      </c>
      <c r="B102" s="105"/>
      <c r="C102" s="93"/>
    </row>
    <row r="103" spans="1:3" ht="16.5" thickBot="1" x14ac:dyDescent="0.3">
      <c r="A103" s="124" t="s">
        <v>186</v>
      </c>
      <c r="B103" s="128" t="s">
        <v>112</v>
      </c>
      <c r="C103" s="114" t="s">
        <v>113</v>
      </c>
    </row>
    <row r="104" spans="1:3" ht="16.5" thickBot="1" x14ac:dyDescent="0.3">
      <c r="A104" s="64" t="s">
        <v>114</v>
      </c>
      <c r="B104" s="99" t="s">
        <v>84</v>
      </c>
      <c r="C104" s="86" t="s">
        <v>115</v>
      </c>
    </row>
    <row r="105" spans="1:3" ht="15.75" thickBot="1" x14ac:dyDescent="0.3">
      <c r="A105" s="41" t="s">
        <v>116</v>
      </c>
      <c r="B105" s="110"/>
      <c r="C105" s="113"/>
    </row>
    <row r="106" spans="1:3" ht="16.5" thickBot="1" x14ac:dyDescent="0.3">
      <c r="A106" s="41" t="s">
        <v>117</v>
      </c>
      <c r="B106" s="99"/>
      <c r="C106" s="117"/>
    </row>
    <row r="107" spans="1:3" ht="16.5" thickBot="1" x14ac:dyDescent="0.3">
      <c r="A107" s="41" t="s">
        <v>197</v>
      </c>
      <c r="B107" s="99"/>
      <c r="C107" s="117"/>
    </row>
    <row r="108" spans="1:3" ht="16.5" thickBot="1" x14ac:dyDescent="0.3">
      <c r="A108" s="41" t="s">
        <v>187</v>
      </c>
      <c r="B108" s="88"/>
      <c r="C108" s="93"/>
    </row>
    <row r="109" spans="1:3" ht="15.75" thickBot="1" x14ac:dyDescent="0.3">
      <c r="A109" s="41" t="s">
        <v>188</v>
      </c>
      <c r="B109" s="110"/>
      <c r="C109" s="113"/>
    </row>
    <row r="110" spans="1:3" ht="15.75" thickBot="1" x14ac:dyDescent="0.3">
      <c r="A110" s="41" t="s">
        <v>189</v>
      </c>
      <c r="B110" s="110"/>
      <c r="C110" s="113"/>
    </row>
    <row r="111" spans="1:3" ht="15.75" thickBot="1" x14ac:dyDescent="0.3">
      <c r="A111" s="60" t="s">
        <v>207</v>
      </c>
      <c r="B111" s="110"/>
      <c r="C111" s="120"/>
    </row>
    <row r="112" spans="1:3" ht="16.5" thickBot="1" x14ac:dyDescent="0.3">
      <c r="A112" s="109" t="s">
        <v>206</v>
      </c>
      <c r="B112" s="101" t="s">
        <v>119</v>
      </c>
      <c r="C112" s="107" t="s">
        <v>120</v>
      </c>
    </row>
    <row r="113" spans="1:4" ht="16.5" thickBot="1" x14ac:dyDescent="0.3">
      <c r="A113" s="125" t="s">
        <v>190</v>
      </c>
      <c r="B113" s="102" t="s">
        <v>121</v>
      </c>
      <c r="C113" s="110"/>
    </row>
    <row r="114" spans="1:4" ht="16.5" thickBot="1" x14ac:dyDescent="0.3">
      <c r="A114" s="125" t="s">
        <v>191</v>
      </c>
      <c r="B114" s="102" t="s">
        <v>122</v>
      </c>
      <c r="C114" s="110"/>
    </row>
    <row r="115" spans="1:4" ht="16.5" thickBot="1" x14ac:dyDescent="0.3">
      <c r="A115" s="125" t="s">
        <v>123</v>
      </c>
      <c r="B115" s="102" t="s">
        <v>124</v>
      </c>
      <c r="C115" s="93"/>
    </row>
    <row r="116" spans="1:4" ht="16.5" thickBot="1" x14ac:dyDescent="0.3">
      <c r="A116" s="126" t="s">
        <v>125</v>
      </c>
      <c r="B116" s="127" t="s">
        <v>126</v>
      </c>
      <c r="C116" s="118"/>
    </row>
    <row r="117" spans="1:4" ht="16.5" thickBot="1" x14ac:dyDescent="0.3">
      <c r="A117" s="64" t="s">
        <v>192</v>
      </c>
      <c r="B117" s="73" t="s">
        <v>127</v>
      </c>
      <c r="C117" s="86"/>
    </row>
    <row r="118" spans="1:4" ht="16.5" thickBot="1" x14ac:dyDescent="0.3">
      <c r="A118" s="41" t="s">
        <v>193</v>
      </c>
      <c r="B118" s="74" t="s">
        <v>128</v>
      </c>
      <c r="C118" s="78"/>
    </row>
    <row r="119" spans="1:4" ht="16.5" thickBot="1" x14ac:dyDescent="0.3">
      <c r="A119" s="41" t="s">
        <v>198</v>
      </c>
      <c r="B119" s="55" t="s">
        <v>129</v>
      </c>
      <c r="C119" s="66" t="s">
        <v>130</v>
      </c>
    </row>
    <row r="120" spans="1:4" ht="16.5" thickBot="1" x14ac:dyDescent="0.3">
      <c r="A120" s="41" t="s">
        <v>131</v>
      </c>
      <c r="B120" s="55" t="s">
        <v>132</v>
      </c>
      <c r="C120" s="42" t="s">
        <v>133</v>
      </c>
    </row>
    <row r="121" spans="1:4" ht="16.5" thickBot="1" x14ac:dyDescent="0.3">
      <c r="A121" s="41" t="s">
        <v>199</v>
      </c>
      <c r="B121" s="55"/>
      <c r="C121" s="42" t="s">
        <v>134</v>
      </c>
    </row>
    <row r="122" spans="1:4" ht="16.5" thickBot="1" x14ac:dyDescent="0.3">
      <c r="A122" s="41" t="s">
        <v>200</v>
      </c>
      <c r="B122" s="55"/>
      <c r="C122" s="42"/>
    </row>
    <row r="123" spans="1:4" ht="16.5" thickBot="1" x14ac:dyDescent="0.3">
      <c r="A123" s="41" t="s">
        <v>201</v>
      </c>
      <c r="B123" s="55"/>
      <c r="C123" s="42"/>
    </row>
    <row r="124" spans="1:4" ht="45.75" customHeight="1" x14ac:dyDescent="0.25">
      <c r="A124" s="388" t="s">
        <v>262</v>
      </c>
      <c r="B124" s="389"/>
      <c r="C124" s="389"/>
      <c r="D124" s="390"/>
    </row>
    <row r="125" spans="1:4" ht="24" thickBot="1" x14ac:dyDescent="0.3">
      <c r="A125" s="391" t="s">
        <v>241</v>
      </c>
      <c r="B125" s="392"/>
      <c r="C125" s="392"/>
      <c r="D125" s="393"/>
    </row>
  </sheetData>
  <mergeCells count="7">
    <mergeCell ref="A124:D124"/>
    <mergeCell ref="A125:D125"/>
    <mergeCell ref="A1:C1"/>
    <mergeCell ref="C8:C10"/>
    <mergeCell ref="C11:C18"/>
    <mergeCell ref="C20:C22"/>
    <mergeCell ref="C25:C26"/>
  </mergeCells>
  <pageMargins left="0.7" right="0.7" top="0.75" bottom="0.75" header="0.3" footer="0.3"/>
  <pageSetup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F2B0EB-26DD-4984-91C1-1890E4B61F92}">
  <sheetPr>
    <tabColor theme="7" tint="-0.249977111117893"/>
  </sheetPr>
  <dimension ref="A1:D38"/>
  <sheetViews>
    <sheetView topLeftCell="A30" zoomScale="85" zoomScaleNormal="85" workbookViewId="0">
      <selection activeCell="A37" sqref="A37:D38"/>
    </sheetView>
  </sheetViews>
  <sheetFormatPr defaultColWidth="9.140625" defaultRowHeight="15" x14ac:dyDescent="0.25"/>
  <cols>
    <col min="1" max="1" width="104.140625" style="3" customWidth="1"/>
    <col min="2" max="2" width="62" style="3" customWidth="1"/>
    <col min="3" max="3" width="73.5703125" style="28" customWidth="1"/>
    <col min="4" max="16384" width="9.140625" style="3"/>
  </cols>
  <sheetData>
    <row r="1" spans="1:3" s="30" customFormat="1" ht="51.75" customHeight="1" thickBot="1" x14ac:dyDescent="0.3">
      <c r="A1" s="394" t="s">
        <v>264</v>
      </c>
      <c r="B1" s="394"/>
      <c r="C1" s="394"/>
    </row>
    <row r="2" spans="1:3" ht="60.75" thickBot="1" x14ac:dyDescent="0.3">
      <c r="A2" s="129" t="s">
        <v>242</v>
      </c>
      <c r="B2" s="130" t="s">
        <v>209</v>
      </c>
      <c r="C2" s="131" t="s">
        <v>265</v>
      </c>
    </row>
    <row r="3" spans="1:3" ht="16.5" thickBot="1" x14ac:dyDescent="0.3">
      <c r="A3" s="145" t="s">
        <v>243</v>
      </c>
      <c r="B3" s="132"/>
      <c r="C3" s="56" t="s">
        <v>49</v>
      </c>
    </row>
    <row r="4" spans="1:3" ht="16.5" thickBot="1" x14ac:dyDescent="0.3">
      <c r="A4" s="145" t="s">
        <v>244</v>
      </c>
      <c r="B4" s="132"/>
      <c r="C4" s="56" t="s">
        <v>50</v>
      </c>
    </row>
    <row r="5" spans="1:3" ht="16.5" thickBot="1" x14ac:dyDescent="0.3">
      <c r="A5" s="146" t="s">
        <v>210</v>
      </c>
      <c r="B5" s="133"/>
      <c r="C5" s="57" t="s">
        <v>211</v>
      </c>
    </row>
    <row r="6" spans="1:3" ht="135" x14ac:dyDescent="0.25">
      <c r="A6" s="147" t="s">
        <v>245</v>
      </c>
      <c r="B6" s="134" t="s">
        <v>212</v>
      </c>
      <c r="C6" s="135" t="s">
        <v>213</v>
      </c>
    </row>
    <row r="7" spans="1:3" x14ac:dyDescent="0.25">
      <c r="A7" s="147" t="s">
        <v>246</v>
      </c>
      <c r="B7" s="136" t="s">
        <v>60</v>
      </c>
      <c r="C7" s="135" t="s">
        <v>214</v>
      </c>
    </row>
    <row r="8" spans="1:3" ht="30" x14ac:dyDescent="0.25">
      <c r="A8" s="137" t="s">
        <v>247</v>
      </c>
      <c r="B8" s="138" t="s">
        <v>215</v>
      </c>
      <c r="C8" s="137" t="s">
        <v>216</v>
      </c>
    </row>
    <row r="9" spans="1:3" x14ac:dyDescent="0.25">
      <c r="A9" s="139" t="s">
        <v>248</v>
      </c>
      <c r="B9" s="140" t="s">
        <v>217</v>
      </c>
      <c r="C9" s="139"/>
    </row>
    <row r="10" spans="1:3" x14ac:dyDescent="0.25">
      <c r="A10" s="149" t="s">
        <v>249</v>
      </c>
      <c r="B10" s="151" t="s">
        <v>260</v>
      </c>
      <c r="C10" s="139"/>
    </row>
    <row r="11" spans="1:3" x14ac:dyDescent="0.25">
      <c r="A11" s="150" t="s">
        <v>250</v>
      </c>
      <c r="B11" s="152" t="s">
        <v>261</v>
      </c>
      <c r="C11" s="139"/>
    </row>
    <row r="12" spans="1:3" x14ac:dyDescent="0.25">
      <c r="A12" s="148" t="s">
        <v>251</v>
      </c>
      <c r="B12" s="136" t="s">
        <v>218</v>
      </c>
      <c r="C12" s="135" t="s">
        <v>219</v>
      </c>
    </row>
    <row r="13" spans="1:3" x14ac:dyDescent="0.25">
      <c r="A13" s="148" t="s">
        <v>55</v>
      </c>
      <c r="B13" s="136" t="s">
        <v>56</v>
      </c>
      <c r="C13" s="135" t="s">
        <v>220</v>
      </c>
    </row>
    <row r="14" spans="1:3" ht="90" x14ac:dyDescent="0.25">
      <c r="A14" s="153" t="s">
        <v>221</v>
      </c>
      <c r="B14" s="134" t="s">
        <v>222</v>
      </c>
      <c r="C14" s="135" t="s">
        <v>223</v>
      </c>
    </row>
    <row r="15" spans="1:3" ht="210" x14ac:dyDescent="0.25">
      <c r="A15" s="153" t="s">
        <v>101</v>
      </c>
      <c r="B15" s="138" t="s">
        <v>224</v>
      </c>
      <c r="C15" s="137" t="s">
        <v>225</v>
      </c>
    </row>
    <row r="16" spans="1:3" x14ac:dyDescent="0.25">
      <c r="A16" s="153" t="s">
        <v>180</v>
      </c>
      <c r="B16" s="136" t="s">
        <v>226</v>
      </c>
      <c r="C16" s="135" t="s">
        <v>227</v>
      </c>
    </row>
    <row r="17" spans="1:3" ht="120" x14ac:dyDescent="0.25">
      <c r="A17" s="153" t="s">
        <v>252</v>
      </c>
      <c r="B17" s="134" t="s">
        <v>228</v>
      </c>
      <c r="C17" s="135" t="s">
        <v>229</v>
      </c>
    </row>
    <row r="18" spans="1:3" ht="30.75" thickBot="1" x14ac:dyDescent="0.3">
      <c r="A18" s="153" t="s">
        <v>253</v>
      </c>
      <c r="B18" s="138" t="s">
        <v>230</v>
      </c>
      <c r="C18" s="135" t="s">
        <v>231</v>
      </c>
    </row>
    <row r="19" spans="1:3" ht="60.75" thickBot="1" x14ac:dyDescent="0.3">
      <c r="A19" s="153" t="s">
        <v>186</v>
      </c>
      <c r="B19" s="134" t="s">
        <v>232</v>
      </c>
      <c r="C19" s="141" t="s">
        <v>233</v>
      </c>
    </row>
    <row r="20" spans="1:3" ht="30.75" thickBot="1" x14ac:dyDescent="0.3">
      <c r="A20" s="153" t="s">
        <v>254</v>
      </c>
      <c r="B20" s="134" t="s">
        <v>234</v>
      </c>
      <c r="C20" s="141" t="s">
        <v>235</v>
      </c>
    </row>
    <row r="21" spans="1:3" ht="15.75" thickBot="1" x14ac:dyDescent="0.3">
      <c r="A21" s="147" t="s">
        <v>255</v>
      </c>
      <c r="B21" s="136" t="s">
        <v>218</v>
      </c>
      <c r="C21" s="135" t="s">
        <v>219</v>
      </c>
    </row>
    <row r="22" spans="1:3" x14ac:dyDescent="0.25">
      <c r="A22" s="146" t="s">
        <v>55</v>
      </c>
      <c r="B22" s="136" t="s">
        <v>56</v>
      </c>
      <c r="C22" s="135" t="s">
        <v>220</v>
      </c>
    </row>
    <row r="23" spans="1:3" ht="90" x14ac:dyDescent="0.25">
      <c r="A23" s="153" t="s">
        <v>221</v>
      </c>
      <c r="B23" s="134" t="s">
        <v>222</v>
      </c>
      <c r="C23" s="135" t="s">
        <v>223</v>
      </c>
    </row>
    <row r="24" spans="1:3" ht="210" x14ac:dyDescent="0.25">
      <c r="A24" s="153" t="s">
        <v>101</v>
      </c>
      <c r="B24" s="138" t="s">
        <v>224</v>
      </c>
      <c r="C24" s="137" t="s">
        <v>225</v>
      </c>
    </row>
    <row r="25" spans="1:3" x14ac:dyDescent="0.25">
      <c r="A25" s="153" t="s">
        <v>180</v>
      </c>
      <c r="B25" s="136" t="s">
        <v>226</v>
      </c>
      <c r="C25" s="135" t="s">
        <v>227</v>
      </c>
    </row>
    <row r="26" spans="1:3" ht="120" x14ac:dyDescent="0.25">
      <c r="A26" s="153" t="s">
        <v>252</v>
      </c>
      <c r="B26" s="134" t="s">
        <v>228</v>
      </c>
      <c r="C26" s="135" t="s">
        <v>229</v>
      </c>
    </row>
    <row r="27" spans="1:3" ht="30.75" thickBot="1" x14ac:dyDescent="0.3">
      <c r="A27" s="153" t="s">
        <v>253</v>
      </c>
      <c r="B27" s="138" t="s">
        <v>230</v>
      </c>
      <c r="C27" s="135" t="s">
        <v>231</v>
      </c>
    </row>
    <row r="28" spans="1:3" ht="60.75" thickBot="1" x14ac:dyDescent="0.3">
      <c r="A28" s="153" t="s">
        <v>186</v>
      </c>
      <c r="B28" s="134" t="s">
        <v>232</v>
      </c>
      <c r="C28" s="141" t="s">
        <v>233</v>
      </c>
    </row>
    <row r="29" spans="1:3" ht="30.75" thickBot="1" x14ac:dyDescent="0.3">
      <c r="A29" s="148" t="s">
        <v>254</v>
      </c>
      <c r="B29" s="134" t="s">
        <v>234</v>
      </c>
      <c r="C29" s="141" t="s">
        <v>235</v>
      </c>
    </row>
    <row r="30" spans="1:3" ht="15.75" thickBot="1" x14ac:dyDescent="0.3">
      <c r="A30" s="155" t="s">
        <v>256</v>
      </c>
      <c r="B30" s="136" t="s">
        <v>239</v>
      </c>
      <c r="C30" s="135" t="s">
        <v>237</v>
      </c>
    </row>
    <row r="31" spans="1:3" ht="15.75" thickBot="1" x14ac:dyDescent="0.3">
      <c r="A31" s="156" t="s">
        <v>238</v>
      </c>
      <c r="B31" s="132"/>
      <c r="C31" s="135" t="s">
        <v>240</v>
      </c>
    </row>
    <row r="32" spans="1:3" ht="15.75" thickBot="1" x14ac:dyDescent="0.3">
      <c r="A32" s="156" t="s">
        <v>257</v>
      </c>
      <c r="B32" s="142"/>
      <c r="C32" s="141"/>
    </row>
    <row r="33" spans="1:4" ht="15.75" thickBot="1" x14ac:dyDescent="0.3">
      <c r="A33" s="156" t="s">
        <v>258</v>
      </c>
      <c r="B33" s="142"/>
      <c r="C33" s="141"/>
    </row>
    <row r="34" spans="1:4" ht="15.75" thickBot="1" x14ac:dyDescent="0.3">
      <c r="A34" s="157" t="s">
        <v>259</v>
      </c>
      <c r="B34" s="142"/>
      <c r="C34" s="141"/>
    </row>
    <row r="35" spans="1:4" ht="15.75" thickBot="1" x14ac:dyDescent="0.3">
      <c r="A35" s="154"/>
      <c r="B35" s="144"/>
      <c r="C35" s="144"/>
    </row>
    <row r="36" spans="1:4" ht="15.75" thickBot="1" x14ac:dyDescent="0.3">
      <c r="A36" s="143"/>
      <c r="B36" s="144"/>
      <c r="C36" s="144"/>
    </row>
    <row r="37" spans="1:4" ht="45.75" customHeight="1" x14ac:dyDescent="0.25">
      <c r="A37" s="388" t="s">
        <v>262</v>
      </c>
      <c r="B37" s="389"/>
      <c r="C37" s="389"/>
      <c r="D37" s="390"/>
    </row>
    <row r="38" spans="1:4" ht="24" thickBot="1" x14ac:dyDescent="0.3">
      <c r="A38" s="391" t="s">
        <v>241</v>
      </c>
      <c r="B38" s="392"/>
      <c r="C38" s="392"/>
      <c r="D38" s="393"/>
    </row>
  </sheetData>
  <mergeCells count="3">
    <mergeCell ref="A37:D37"/>
    <mergeCell ref="A1:C1"/>
    <mergeCell ref="A38:D38"/>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E94A28-EA3F-47BA-8570-8F12263923FB}">
  <sheetPr>
    <tabColor theme="7" tint="-0.249977111117893"/>
  </sheetPr>
  <dimension ref="A1:D41"/>
  <sheetViews>
    <sheetView zoomScaleNormal="100" workbookViewId="0">
      <selection activeCell="A35" sqref="A35"/>
    </sheetView>
  </sheetViews>
  <sheetFormatPr defaultRowHeight="15" x14ac:dyDescent="0.25"/>
  <cols>
    <col min="1" max="1" width="79" customWidth="1"/>
    <col min="2" max="2" width="66.42578125" customWidth="1"/>
    <col min="3" max="3" width="67.7109375" style="167" customWidth="1"/>
    <col min="4" max="4" width="31.85546875" customWidth="1"/>
  </cols>
  <sheetData>
    <row r="1" spans="1:3" ht="32.25" thickBot="1" x14ac:dyDescent="0.55000000000000004">
      <c r="A1" s="398" t="s">
        <v>322</v>
      </c>
      <c r="B1" s="398"/>
      <c r="C1" s="398"/>
    </row>
    <row r="2" spans="1:3" ht="24" thickBot="1" x14ac:dyDescent="0.3">
      <c r="A2" s="158"/>
      <c r="B2" s="159"/>
      <c r="C2" s="160"/>
    </row>
    <row r="3" spans="1:3" ht="90.75" thickBot="1" x14ac:dyDescent="0.3">
      <c r="A3" s="161" t="s">
        <v>286</v>
      </c>
      <c r="B3" s="162" t="s">
        <v>209</v>
      </c>
      <c r="C3" s="163" t="s">
        <v>323</v>
      </c>
    </row>
    <row r="4" spans="1:3" ht="30.75" thickBot="1" x14ac:dyDescent="0.3">
      <c r="A4" s="143" t="s">
        <v>287</v>
      </c>
      <c r="B4" s="164"/>
      <c r="C4" s="165" t="s">
        <v>49</v>
      </c>
    </row>
    <row r="5" spans="1:3" ht="15.75" thickBot="1" x14ac:dyDescent="0.3">
      <c r="A5" s="143" t="s">
        <v>244</v>
      </c>
      <c r="B5" s="164"/>
      <c r="C5" s="165" t="s">
        <v>50</v>
      </c>
    </row>
    <row r="6" spans="1:3" ht="15.75" thickBot="1" x14ac:dyDescent="0.3">
      <c r="A6" s="143" t="s">
        <v>266</v>
      </c>
      <c r="B6" s="164"/>
      <c r="C6" s="165" t="s">
        <v>267</v>
      </c>
    </row>
    <row r="7" spans="1:3" ht="135.75" thickBot="1" x14ac:dyDescent="0.3">
      <c r="A7" s="183" t="s">
        <v>308</v>
      </c>
      <c r="B7" s="169" t="s">
        <v>268</v>
      </c>
      <c r="C7" s="170" t="s">
        <v>269</v>
      </c>
    </row>
    <row r="8" spans="1:3" ht="15.75" thickBot="1" x14ac:dyDescent="0.3">
      <c r="A8" s="184" t="s">
        <v>288</v>
      </c>
      <c r="B8" s="187" t="s">
        <v>311</v>
      </c>
      <c r="C8" s="190" t="s">
        <v>270</v>
      </c>
    </row>
    <row r="9" spans="1:3" ht="15.75" thickBot="1" x14ac:dyDescent="0.3">
      <c r="A9" s="185" t="s">
        <v>253</v>
      </c>
      <c r="B9" s="188" t="s">
        <v>312</v>
      </c>
      <c r="C9" s="191"/>
    </row>
    <row r="10" spans="1:3" ht="96.75" customHeight="1" thickBot="1" x14ac:dyDescent="0.3">
      <c r="A10" s="182" t="s">
        <v>271</v>
      </c>
      <c r="B10" s="186" t="s">
        <v>272</v>
      </c>
      <c r="C10" s="189" t="s">
        <v>273</v>
      </c>
    </row>
    <row r="11" spans="1:3" ht="16.5" hidden="1" customHeight="1" thickBot="1" x14ac:dyDescent="0.3">
      <c r="B11" s="171"/>
      <c r="C11" s="172"/>
    </row>
    <row r="12" spans="1:3" ht="16.5" customHeight="1" x14ac:dyDescent="0.25">
      <c r="A12" s="173" t="s">
        <v>289</v>
      </c>
      <c r="B12" s="178" t="s">
        <v>310</v>
      </c>
      <c r="C12" s="180" t="s">
        <v>309</v>
      </c>
    </row>
    <row r="13" spans="1:3" ht="16.5" customHeight="1" x14ac:dyDescent="0.25">
      <c r="A13" s="174" t="s">
        <v>290</v>
      </c>
      <c r="B13" s="179"/>
      <c r="C13" s="181"/>
    </row>
    <row r="14" spans="1:3" ht="16.5" customHeight="1" x14ac:dyDescent="0.25">
      <c r="A14" s="174" t="s">
        <v>291</v>
      </c>
      <c r="B14" s="179"/>
      <c r="C14" s="181"/>
    </row>
    <row r="15" spans="1:3" ht="16.5" customHeight="1" x14ac:dyDescent="0.25">
      <c r="A15" s="174" t="s">
        <v>292</v>
      </c>
      <c r="B15" s="179"/>
      <c r="C15" s="181"/>
    </row>
    <row r="16" spans="1:3" ht="16.5" customHeight="1" thickBot="1" x14ac:dyDescent="0.3">
      <c r="A16" s="175" t="s">
        <v>293</v>
      </c>
      <c r="B16" s="179"/>
      <c r="C16" s="181"/>
    </row>
    <row r="17" spans="1:3" ht="16.5" customHeight="1" thickBot="1" x14ac:dyDescent="0.3">
      <c r="A17" s="193" t="s">
        <v>294</v>
      </c>
      <c r="B17" s="194" t="s">
        <v>314</v>
      </c>
      <c r="C17" s="200" t="s">
        <v>275</v>
      </c>
    </row>
    <row r="18" spans="1:3" ht="16.5" customHeight="1" x14ac:dyDescent="0.25">
      <c r="A18" s="173" t="s">
        <v>295</v>
      </c>
      <c r="B18" s="197" t="s">
        <v>313</v>
      </c>
      <c r="C18" s="180" t="s">
        <v>275</v>
      </c>
    </row>
    <row r="19" spans="1:3" ht="16.5" customHeight="1" x14ac:dyDescent="0.25">
      <c r="A19" s="195" t="s">
        <v>296</v>
      </c>
      <c r="B19" s="198"/>
      <c r="C19" s="181"/>
    </row>
    <row r="20" spans="1:3" ht="16.5" customHeight="1" thickBot="1" x14ac:dyDescent="0.3">
      <c r="A20" s="196" t="s">
        <v>297</v>
      </c>
      <c r="B20" s="199"/>
      <c r="C20" s="177"/>
    </row>
    <row r="21" spans="1:3" ht="16.5" customHeight="1" x14ac:dyDescent="0.25">
      <c r="A21" s="173" t="s">
        <v>162</v>
      </c>
      <c r="B21" s="192" t="s">
        <v>315</v>
      </c>
      <c r="C21" s="180" t="s">
        <v>274</v>
      </c>
    </row>
    <row r="22" spans="1:3" ht="16.5" customHeight="1" x14ac:dyDescent="0.25">
      <c r="A22" s="195" t="s">
        <v>163</v>
      </c>
      <c r="B22" s="192"/>
      <c r="C22" s="181"/>
    </row>
    <row r="23" spans="1:3" ht="16.5" customHeight="1" x14ac:dyDescent="0.25">
      <c r="A23" s="195" t="s">
        <v>164</v>
      </c>
      <c r="B23" s="192"/>
      <c r="C23" s="181"/>
    </row>
    <row r="24" spans="1:3" ht="16.5" customHeight="1" x14ac:dyDescent="0.25">
      <c r="A24" s="21" t="s">
        <v>276</v>
      </c>
      <c r="B24" s="202"/>
      <c r="C24" s="203"/>
    </row>
    <row r="25" spans="1:3" ht="16.5" customHeight="1" x14ac:dyDescent="0.25">
      <c r="A25" s="21" t="s">
        <v>298</v>
      </c>
      <c r="B25" s="202" t="s">
        <v>317</v>
      </c>
      <c r="C25" s="203" t="s">
        <v>277</v>
      </c>
    </row>
    <row r="26" spans="1:3" ht="16.5" customHeight="1" x14ac:dyDescent="0.25">
      <c r="A26" s="21" t="s">
        <v>299</v>
      </c>
      <c r="B26" s="202" t="s">
        <v>316</v>
      </c>
      <c r="C26" s="203"/>
    </row>
    <row r="27" spans="1:3" ht="16.5" customHeight="1" x14ac:dyDescent="0.25">
      <c r="A27" s="21" t="s">
        <v>300</v>
      </c>
      <c r="B27" s="202" t="s">
        <v>318</v>
      </c>
      <c r="C27" s="203" t="s">
        <v>278</v>
      </c>
    </row>
    <row r="28" spans="1:3" ht="105" customHeight="1" x14ac:dyDescent="0.25">
      <c r="A28" s="21" t="s">
        <v>279</v>
      </c>
      <c r="B28" s="204" t="s">
        <v>280</v>
      </c>
      <c r="C28" s="203" t="s">
        <v>281</v>
      </c>
    </row>
    <row r="29" spans="1:3" ht="70.5" customHeight="1" x14ac:dyDescent="0.25">
      <c r="A29" s="21" t="s">
        <v>301</v>
      </c>
      <c r="B29" s="202" t="s">
        <v>319</v>
      </c>
      <c r="C29" s="203" t="s">
        <v>282</v>
      </c>
    </row>
    <row r="30" spans="1:3" ht="16.5" customHeight="1" x14ac:dyDescent="0.25">
      <c r="A30" s="21" t="s">
        <v>302</v>
      </c>
      <c r="B30" s="202" t="s">
        <v>320</v>
      </c>
      <c r="C30" s="203" t="s">
        <v>283</v>
      </c>
    </row>
    <row r="31" spans="1:3" ht="16.5" customHeight="1" x14ac:dyDescent="0.25">
      <c r="A31" s="21" t="s">
        <v>180</v>
      </c>
      <c r="B31" s="202" t="s">
        <v>321</v>
      </c>
      <c r="C31" s="203"/>
    </row>
    <row r="32" spans="1:3" ht="108.75" customHeight="1" x14ac:dyDescent="0.25">
      <c r="A32" s="21" t="s">
        <v>303</v>
      </c>
      <c r="B32" s="204" t="s">
        <v>280</v>
      </c>
      <c r="C32" s="203" t="s">
        <v>281</v>
      </c>
    </row>
    <row r="33" spans="1:4" ht="65.25" customHeight="1" x14ac:dyDescent="0.25">
      <c r="A33" s="21" t="s">
        <v>304</v>
      </c>
      <c r="B33" s="202" t="s">
        <v>319</v>
      </c>
      <c r="C33" s="203" t="s">
        <v>282</v>
      </c>
    </row>
    <row r="34" spans="1:4" ht="16.5" customHeight="1" x14ac:dyDescent="0.25">
      <c r="A34" s="21" t="s">
        <v>305</v>
      </c>
      <c r="B34" s="202" t="s">
        <v>320</v>
      </c>
      <c r="C34" s="203" t="s">
        <v>283</v>
      </c>
    </row>
    <row r="35" spans="1:4" ht="16.5" customHeight="1" thickBot="1" x14ac:dyDescent="0.3">
      <c r="A35" s="21" t="s">
        <v>180</v>
      </c>
      <c r="B35" s="202" t="s">
        <v>321</v>
      </c>
      <c r="C35" s="203"/>
    </row>
    <row r="36" spans="1:4" ht="16.5" customHeight="1" thickBot="1" x14ac:dyDescent="0.3">
      <c r="A36" s="21" t="s">
        <v>236</v>
      </c>
      <c r="B36" s="202"/>
      <c r="C36" s="165" t="s">
        <v>284</v>
      </c>
    </row>
    <row r="37" spans="1:4" ht="16.5" customHeight="1" thickBot="1" x14ac:dyDescent="0.3">
      <c r="A37" s="21" t="s">
        <v>306</v>
      </c>
      <c r="B37" s="202"/>
      <c r="C37" s="165" t="s">
        <v>285</v>
      </c>
    </row>
    <row r="38" spans="1:4" ht="16.5" customHeight="1" x14ac:dyDescent="0.25">
      <c r="A38" s="21" t="s">
        <v>258</v>
      </c>
      <c r="B38" s="202"/>
      <c r="C38" s="203"/>
    </row>
    <row r="39" spans="1:4" ht="16.5" customHeight="1" thickBot="1" x14ac:dyDescent="0.3">
      <c r="A39" s="21" t="s">
        <v>307</v>
      </c>
      <c r="B39" s="202"/>
      <c r="C39" s="203"/>
    </row>
    <row r="40" spans="1:4" ht="23.25" x14ac:dyDescent="0.25">
      <c r="A40" s="388" t="s">
        <v>262</v>
      </c>
      <c r="B40" s="389"/>
      <c r="C40" s="389"/>
      <c r="D40" s="390"/>
    </row>
    <row r="41" spans="1:4" ht="24" thickBot="1" x14ac:dyDescent="0.3">
      <c r="A41" s="391" t="s">
        <v>241</v>
      </c>
      <c r="B41" s="392"/>
      <c r="C41" s="392"/>
      <c r="D41" s="393"/>
    </row>
  </sheetData>
  <mergeCells count="3">
    <mergeCell ref="A40:D40"/>
    <mergeCell ref="A41:D41"/>
    <mergeCell ref="A1:C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12798A-249B-4A8C-B468-511616835EDF}">
  <sheetPr>
    <tabColor theme="7" tint="-0.249977111117893"/>
  </sheetPr>
  <dimension ref="A1:D29"/>
  <sheetViews>
    <sheetView zoomScaleNormal="100" workbookViewId="0">
      <selection activeCell="A15" sqref="A15"/>
    </sheetView>
  </sheetViews>
  <sheetFormatPr defaultRowHeight="15" x14ac:dyDescent="0.25"/>
  <cols>
    <col min="1" max="1" width="75.7109375" customWidth="1"/>
    <col min="2" max="2" width="57.42578125" customWidth="1"/>
    <col min="3" max="3" width="72.28515625" customWidth="1"/>
  </cols>
  <sheetData>
    <row r="1" spans="1:3" ht="32.25" thickBot="1" x14ac:dyDescent="0.3">
      <c r="A1" s="399"/>
      <c r="B1" s="399"/>
      <c r="C1" s="400"/>
    </row>
    <row r="2" spans="1:3" ht="24" thickBot="1" x14ac:dyDescent="0.3">
      <c r="A2" s="205"/>
      <c r="B2" s="205"/>
      <c r="C2" s="206"/>
    </row>
    <row r="3" spans="1:3" ht="60.75" thickBot="1" x14ac:dyDescent="0.3">
      <c r="A3" s="207" t="s">
        <v>343</v>
      </c>
      <c r="B3" s="207" t="s">
        <v>209</v>
      </c>
      <c r="C3" s="207" t="s">
        <v>344</v>
      </c>
    </row>
    <row r="4" spans="1:3" ht="30.75" thickBot="1" x14ac:dyDescent="0.3">
      <c r="A4" s="166" t="s">
        <v>404</v>
      </c>
      <c r="B4" s="208"/>
      <c r="C4" s="165" t="s">
        <v>49</v>
      </c>
    </row>
    <row r="5" spans="1:3" ht="15.75" thickBot="1" x14ac:dyDescent="0.3">
      <c r="A5" s="166" t="s">
        <v>403</v>
      </c>
      <c r="B5" s="208"/>
      <c r="C5" s="165" t="s">
        <v>50</v>
      </c>
    </row>
    <row r="6" spans="1:3" ht="15.75" thickBot="1" x14ac:dyDescent="0.3">
      <c r="A6" s="166" t="s">
        <v>324</v>
      </c>
      <c r="B6" s="208" t="s">
        <v>325</v>
      </c>
      <c r="C6" s="165" t="s">
        <v>326</v>
      </c>
    </row>
    <row r="7" spans="1:3" ht="120.75" thickBot="1" x14ac:dyDescent="0.3">
      <c r="A7" s="166" t="s">
        <v>345</v>
      </c>
      <c r="B7" s="208" t="s">
        <v>327</v>
      </c>
      <c r="C7" s="165" t="s">
        <v>328</v>
      </c>
    </row>
    <row r="8" spans="1:3" ht="30.75" thickBot="1" x14ac:dyDescent="0.3">
      <c r="A8" s="166" t="s">
        <v>55</v>
      </c>
      <c r="B8" s="208" t="s">
        <v>329</v>
      </c>
      <c r="C8" s="165" t="s">
        <v>330</v>
      </c>
    </row>
    <row r="9" spans="1:3" ht="45.75" thickBot="1" x14ac:dyDescent="0.3">
      <c r="A9" s="166" t="s">
        <v>346</v>
      </c>
      <c r="B9" s="208" t="s">
        <v>331</v>
      </c>
      <c r="C9" s="165" t="s">
        <v>332</v>
      </c>
    </row>
    <row r="10" spans="1:3" ht="15.75" thickBot="1" x14ac:dyDescent="0.3">
      <c r="A10" s="166" t="s">
        <v>347</v>
      </c>
      <c r="B10" s="166"/>
      <c r="C10" s="166" t="s">
        <v>333</v>
      </c>
    </row>
    <row r="11" spans="1:3" ht="150.75" thickBot="1" x14ac:dyDescent="0.3">
      <c r="A11" s="166" t="s">
        <v>348</v>
      </c>
      <c r="B11" s="208" t="s">
        <v>334</v>
      </c>
      <c r="C11" s="166" t="s">
        <v>335</v>
      </c>
    </row>
    <row r="12" spans="1:3" ht="105.75" thickBot="1" x14ac:dyDescent="0.3">
      <c r="A12" s="166" t="s">
        <v>441</v>
      </c>
      <c r="B12" s="208" t="s">
        <v>336</v>
      </c>
      <c r="C12" s="166" t="s">
        <v>337</v>
      </c>
    </row>
    <row r="13" spans="1:3" ht="105.75" thickBot="1" x14ac:dyDescent="0.3">
      <c r="A13" s="166" t="s">
        <v>349</v>
      </c>
      <c r="B13" s="208" t="s">
        <v>336</v>
      </c>
      <c r="C13" s="166" t="s">
        <v>337</v>
      </c>
    </row>
    <row r="14" spans="1:3" ht="15.75" thickBot="1" x14ac:dyDescent="0.3">
      <c r="A14" s="210" t="s">
        <v>350</v>
      </c>
      <c r="B14" s="211" t="s">
        <v>357</v>
      </c>
      <c r="C14" s="166"/>
    </row>
    <row r="15" spans="1:3" ht="75.75" thickBot="1" x14ac:dyDescent="0.3">
      <c r="A15" s="166" t="s">
        <v>151</v>
      </c>
      <c r="B15" s="208" t="s">
        <v>338</v>
      </c>
      <c r="C15" s="165" t="s">
        <v>339</v>
      </c>
    </row>
    <row r="16" spans="1:3" ht="75.75" thickBot="1" x14ac:dyDescent="0.3">
      <c r="A16" s="166" t="s">
        <v>351</v>
      </c>
      <c r="B16" s="208" t="s">
        <v>338</v>
      </c>
      <c r="C16" s="165" t="s">
        <v>339</v>
      </c>
    </row>
    <row r="17" spans="1:4" ht="15.75" thickBot="1" x14ac:dyDescent="0.3">
      <c r="A17" s="166" t="s">
        <v>352</v>
      </c>
      <c r="C17" s="166" t="s">
        <v>333</v>
      </c>
    </row>
    <row r="18" spans="1:4" ht="150.75" thickBot="1" x14ac:dyDescent="0.3">
      <c r="A18" s="166" t="s">
        <v>353</v>
      </c>
      <c r="B18" s="208" t="s">
        <v>334</v>
      </c>
      <c r="C18" s="166" t="s">
        <v>335</v>
      </c>
    </row>
    <row r="19" spans="1:4" ht="105.75" thickBot="1" x14ac:dyDescent="0.3">
      <c r="A19" s="166" t="s">
        <v>441</v>
      </c>
      <c r="B19" s="208" t="s">
        <v>336</v>
      </c>
      <c r="C19" s="166" t="s">
        <v>337</v>
      </c>
    </row>
    <row r="20" spans="1:4" ht="105.75" thickBot="1" x14ac:dyDescent="0.3">
      <c r="A20" s="166" t="s">
        <v>442</v>
      </c>
      <c r="B20" s="208" t="s">
        <v>336</v>
      </c>
      <c r="C20" s="166" t="s">
        <v>337</v>
      </c>
    </row>
    <row r="21" spans="1:4" ht="15.75" thickBot="1" x14ac:dyDescent="0.3">
      <c r="A21" s="210" t="s">
        <v>350</v>
      </c>
      <c r="B21" s="211" t="s">
        <v>357</v>
      </c>
      <c r="C21" s="166"/>
    </row>
    <row r="22" spans="1:4" ht="75.75" thickBot="1" x14ac:dyDescent="0.3">
      <c r="A22" s="166" t="s">
        <v>151</v>
      </c>
      <c r="B22" s="208" t="s">
        <v>338</v>
      </c>
      <c r="C22" s="165" t="s">
        <v>339</v>
      </c>
    </row>
    <row r="23" spans="1:4" ht="75.75" thickBot="1" x14ac:dyDescent="0.3">
      <c r="A23" s="166" t="s">
        <v>351</v>
      </c>
      <c r="B23" s="208" t="s">
        <v>338</v>
      </c>
      <c r="C23" s="165" t="s">
        <v>339</v>
      </c>
    </row>
    <row r="24" spans="1:4" ht="15.75" thickBot="1" x14ac:dyDescent="0.3">
      <c r="A24" s="166" t="s">
        <v>256</v>
      </c>
      <c r="B24" s="208" t="s">
        <v>340</v>
      </c>
      <c r="C24" s="165" t="s">
        <v>341</v>
      </c>
    </row>
    <row r="25" spans="1:4" ht="15.75" thickBot="1" x14ac:dyDescent="0.3">
      <c r="A25" s="166" t="s">
        <v>354</v>
      </c>
      <c r="B25" s="208"/>
      <c r="C25" s="135" t="s">
        <v>342</v>
      </c>
    </row>
    <row r="26" spans="1:4" ht="15.75" thickBot="1" x14ac:dyDescent="0.3">
      <c r="A26" s="166" t="s">
        <v>355</v>
      </c>
      <c r="B26" s="209"/>
      <c r="C26" s="165"/>
    </row>
    <row r="27" spans="1:4" ht="15.75" thickBot="1" x14ac:dyDescent="0.3">
      <c r="A27" s="166" t="s">
        <v>356</v>
      </c>
      <c r="B27" s="209"/>
      <c r="C27" s="165"/>
    </row>
    <row r="28" spans="1:4" ht="23.25" x14ac:dyDescent="0.25">
      <c r="A28" s="388" t="s">
        <v>262</v>
      </c>
      <c r="B28" s="389"/>
      <c r="C28" s="389"/>
      <c r="D28" s="390"/>
    </row>
    <row r="29" spans="1:4" ht="24" thickBot="1" x14ac:dyDescent="0.3">
      <c r="A29" s="391" t="s">
        <v>241</v>
      </c>
      <c r="B29" s="392"/>
      <c r="C29" s="392"/>
      <c r="D29" s="393"/>
    </row>
  </sheetData>
  <mergeCells count="3">
    <mergeCell ref="A1:C1"/>
    <mergeCell ref="A28:D28"/>
    <mergeCell ref="A29:D29"/>
  </mergeCells>
  <pageMargins left="0.7" right="0.7" top="0.75" bottom="0.75" header="0.3" footer="0.3"/>
  <pageSetup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F38E50-1642-4490-8047-07C7091039F0}">
  <sheetPr>
    <tabColor theme="7" tint="-0.249977111117893"/>
  </sheetPr>
  <dimension ref="A1:D28"/>
  <sheetViews>
    <sheetView zoomScaleNormal="100" workbookViewId="0">
      <selection activeCell="A14" sqref="A14"/>
    </sheetView>
  </sheetViews>
  <sheetFormatPr defaultRowHeight="15" x14ac:dyDescent="0.25"/>
  <cols>
    <col min="1" max="1" width="93.42578125" style="20" customWidth="1"/>
    <col min="2" max="2" width="57.42578125" customWidth="1"/>
    <col min="3" max="3" width="70" customWidth="1"/>
  </cols>
  <sheetData>
    <row r="1" spans="1:3" ht="70.5" customHeight="1" thickBot="1" x14ac:dyDescent="0.3">
      <c r="A1" s="399" t="s">
        <v>474</v>
      </c>
      <c r="B1" s="399"/>
      <c r="C1" s="400"/>
    </row>
    <row r="2" spans="1:3" ht="24" thickBot="1" x14ac:dyDescent="0.3">
      <c r="A2" s="205"/>
      <c r="B2" s="205"/>
      <c r="C2" s="206"/>
    </row>
    <row r="3" spans="1:3" ht="75.75" thickBot="1" x14ac:dyDescent="0.3">
      <c r="A3" s="207" t="s">
        <v>439</v>
      </c>
      <c r="B3" s="212" t="s">
        <v>209</v>
      </c>
      <c r="C3" s="207" t="s">
        <v>440</v>
      </c>
    </row>
    <row r="4" spans="1:3" ht="15.75" thickBot="1" x14ac:dyDescent="0.3">
      <c r="A4" s="166" t="s">
        <v>391</v>
      </c>
      <c r="B4" s="208"/>
      <c r="C4" s="165" t="s">
        <v>358</v>
      </c>
    </row>
    <row r="5" spans="1:3" ht="15.75" thickBot="1" x14ac:dyDescent="0.3">
      <c r="A5" s="166" t="s">
        <v>405</v>
      </c>
      <c r="B5" s="208"/>
      <c r="C5" s="165" t="s">
        <v>359</v>
      </c>
    </row>
    <row r="6" spans="1:3" ht="15.75" thickBot="1" x14ac:dyDescent="0.3">
      <c r="A6" s="166" t="s">
        <v>360</v>
      </c>
      <c r="B6" s="208" t="s">
        <v>361</v>
      </c>
      <c r="C6" s="165" t="s">
        <v>326</v>
      </c>
    </row>
    <row r="7" spans="1:3" ht="30.75" thickBot="1" x14ac:dyDescent="0.3">
      <c r="A7" s="166" t="s">
        <v>392</v>
      </c>
      <c r="B7" s="208" t="s">
        <v>362</v>
      </c>
      <c r="C7" s="165" t="s">
        <v>363</v>
      </c>
    </row>
    <row r="8" spans="1:3" ht="15.75" thickBot="1" x14ac:dyDescent="0.3">
      <c r="A8" s="166" t="s">
        <v>393</v>
      </c>
      <c r="B8" s="208" t="s">
        <v>364</v>
      </c>
      <c r="C8" s="165" t="s">
        <v>365</v>
      </c>
    </row>
    <row r="9" spans="1:3" ht="15.75" thickBot="1" x14ac:dyDescent="0.3">
      <c r="A9" s="166" t="s">
        <v>394</v>
      </c>
      <c r="B9" s="208" t="s">
        <v>366</v>
      </c>
      <c r="C9" s="165" t="s">
        <v>367</v>
      </c>
    </row>
    <row r="10" spans="1:3" ht="15.75" thickBot="1" x14ac:dyDescent="0.3">
      <c r="A10" s="166" t="s">
        <v>395</v>
      </c>
      <c r="B10" s="208" t="s">
        <v>933</v>
      </c>
      <c r="C10" s="165"/>
    </row>
    <row r="11" spans="1:3" ht="30.75" thickBot="1" x14ac:dyDescent="0.3">
      <c r="A11" s="166" t="s">
        <v>396</v>
      </c>
      <c r="B11" s="213" t="s">
        <v>368</v>
      </c>
      <c r="C11" s="166" t="s">
        <v>369</v>
      </c>
    </row>
    <row r="12" spans="1:3" ht="15.75" thickBot="1" x14ac:dyDescent="0.3">
      <c r="A12" s="166" t="s">
        <v>397</v>
      </c>
      <c r="B12" s="208" t="s">
        <v>370</v>
      </c>
      <c r="C12" s="166" t="s">
        <v>371</v>
      </c>
    </row>
    <row r="13" spans="1:3" ht="30.75" thickBot="1" x14ac:dyDescent="0.3">
      <c r="A13" s="166" t="s">
        <v>372</v>
      </c>
      <c r="B13" s="208" t="s">
        <v>373</v>
      </c>
      <c r="C13" s="166" t="s">
        <v>374</v>
      </c>
    </row>
    <row r="14" spans="1:3" ht="105.75" thickBot="1" x14ac:dyDescent="0.3">
      <c r="A14" s="166" t="s">
        <v>398</v>
      </c>
      <c r="B14" s="208" t="s">
        <v>375</v>
      </c>
      <c r="C14" s="166" t="s">
        <v>376</v>
      </c>
    </row>
    <row r="15" spans="1:3" ht="45.75" thickBot="1" x14ac:dyDescent="0.3">
      <c r="A15" s="214" t="s">
        <v>377</v>
      </c>
      <c r="B15" s="208" t="s">
        <v>378</v>
      </c>
      <c r="C15" s="166" t="s">
        <v>379</v>
      </c>
    </row>
    <row r="16" spans="1:3" ht="135" x14ac:dyDescent="0.25">
      <c r="A16" s="216" t="s">
        <v>399</v>
      </c>
      <c r="B16" s="215" t="s">
        <v>380</v>
      </c>
      <c r="C16" s="170" t="s">
        <v>381</v>
      </c>
    </row>
    <row r="17" spans="1:4" ht="30" x14ac:dyDescent="0.25">
      <c r="A17" s="216" t="s">
        <v>163</v>
      </c>
      <c r="B17" s="217"/>
      <c r="C17" s="189" t="s">
        <v>382</v>
      </c>
    </row>
    <row r="18" spans="1:4" ht="30.75" thickBot="1" x14ac:dyDescent="0.3">
      <c r="A18" s="218" t="s">
        <v>400</v>
      </c>
      <c r="B18" s="217"/>
      <c r="C18" s="189" t="s">
        <v>383</v>
      </c>
    </row>
    <row r="19" spans="1:4" ht="120.75" thickBot="1" x14ac:dyDescent="0.3">
      <c r="A19" s="166" t="s">
        <v>401</v>
      </c>
      <c r="B19" s="219" t="s">
        <v>384</v>
      </c>
      <c r="C19" s="201" t="s">
        <v>385</v>
      </c>
    </row>
    <row r="20" spans="1:4" ht="15.75" thickBot="1" x14ac:dyDescent="0.3">
      <c r="A20" s="166"/>
      <c r="B20" s="219"/>
      <c r="C20" s="201"/>
    </row>
    <row r="21" spans="1:4" ht="15.75" thickBot="1" x14ac:dyDescent="0.3">
      <c r="A21" s="166"/>
      <c r="B21" s="219"/>
      <c r="C21" s="201"/>
    </row>
    <row r="22" spans="1:4" ht="15.75" thickBot="1" x14ac:dyDescent="0.3">
      <c r="A22" s="166"/>
      <c r="B22" s="219"/>
      <c r="C22" s="201"/>
    </row>
    <row r="23" spans="1:4" ht="15.75" thickBot="1" x14ac:dyDescent="0.3">
      <c r="A23" s="166" t="s">
        <v>236</v>
      </c>
      <c r="B23" s="208" t="s">
        <v>386</v>
      </c>
      <c r="C23" s="166" t="s">
        <v>387</v>
      </c>
    </row>
    <row r="24" spans="1:4" ht="15.75" thickBot="1" x14ac:dyDescent="0.3">
      <c r="A24" s="166" t="s">
        <v>402</v>
      </c>
      <c r="B24" s="208"/>
      <c r="C24" s="165" t="s">
        <v>388</v>
      </c>
    </row>
    <row r="25" spans="1:4" ht="15.75" thickBot="1" x14ac:dyDescent="0.3">
      <c r="A25" s="166" t="s">
        <v>355</v>
      </c>
      <c r="B25" s="208"/>
      <c r="C25" s="165" t="s">
        <v>389</v>
      </c>
    </row>
    <row r="26" spans="1:4" ht="15.75" thickBot="1" x14ac:dyDescent="0.3">
      <c r="A26" s="166" t="s">
        <v>356</v>
      </c>
      <c r="B26" s="208"/>
      <c r="C26" s="165" t="s">
        <v>390</v>
      </c>
    </row>
    <row r="27" spans="1:4" ht="27.75" customHeight="1" x14ac:dyDescent="0.25">
      <c r="A27" s="388" t="s">
        <v>262</v>
      </c>
      <c r="B27" s="389"/>
      <c r="C27" s="389"/>
      <c r="D27" s="390"/>
    </row>
    <row r="28" spans="1:4" ht="57.75" customHeight="1" thickBot="1" x14ac:dyDescent="0.3">
      <c r="A28" s="391" t="s">
        <v>241</v>
      </c>
      <c r="B28" s="392"/>
      <c r="C28" s="392"/>
      <c r="D28" s="393"/>
    </row>
  </sheetData>
  <mergeCells count="3">
    <mergeCell ref="A1:C1"/>
    <mergeCell ref="A27:D27"/>
    <mergeCell ref="A28:D28"/>
  </mergeCells>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9121BC9D48F97B42836CABF265F8BA96" ma:contentTypeVersion="17" ma:contentTypeDescription="Create a new document." ma:contentTypeScope="" ma:versionID="c4d4e41cb6016cce8446b6fdf2b5d3e2">
  <xsd:schema xmlns:xsd="http://www.w3.org/2001/XMLSchema" xmlns:xs="http://www.w3.org/2001/XMLSchema" xmlns:p="http://schemas.microsoft.com/office/2006/metadata/properties" xmlns:ns2="8a7ec5b1-2b6f-4b05-8909-ec3b178f8987" xmlns:ns3="6c3eaf23-7728-4c8c-850e-82e97248f0cc" targetNamespace="http://schemas.microsoft.com/office/2006/metadata/properties" ma:root="true" ma:fieldsID="9f8befdb846d6b2e3c5e5f7e4e01acf3" ns2:_="" ns3:_="">
    <xsd:import namespace="8a7ec5b1-2b6f-4b05-8909-ec3b178f8987"/>
    <xsd:import namespace="6c3eaf23-7728-4c8c-850e-82e97248f0c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Description" minOccurs="0"/>
                <xsd:element ref="ns2:MediaServiceObjectDetectorVersions" minOccurs="0"/>
                <xsd:element ref="ns2:_Flow_SignoffStatu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a7ec5b1-2b6f-4b05-8909-ec3b178f898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Description" ma:index="21" nillable="true" ma:displayName="Description " ma:format="Dropdown" ma:internalName="Description">
      <xsd:simpleType>
        <xsd:restriction base="dms:Text">
          <xsd:maxLength value="255"/>
        </xsd:restriction>
      </xsd:simpleType>
    </xsd:element>
    <xsd:element name="MediaServiceObjectDetectorVersions" ma:index="22" nillable="true" ma:displayName="MediaServiceObjectDetectorVersions" ma:hidden="true" ma:indexed="true" ma:internalName="MediaServiceObjectDetectorVersions" ma:readOnly="true">
      <xsd:simpleType>
        <xsd:restriction base="dms:Text"/>
      </xsd:simpleType>
    </xsd:element>
    <xsd:element name="_Flow_SignoffStatus" ma:index="23" nillable="true" ma:displayName="Sign-off status" ma:internalName="Sign_x002d_off_x0020_status">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c3eaf23-7728-4c8c-850e-82e97248f0c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TaxCatchAll" ma:index="17" nillable="true" ma:displayName="Taxonomy Catch All Column" ma:hidden="true" ma:list="{7c4dd21b-def8-442f-8af4-70fd7ab1e01c}" ma:internalName="TaxCatchAll" ma:showField="CatchAllData" ma:web="6c3eaf23-7728-4c8c-850e-82e97248f0c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8a7ec5b1-2b6f-4b05-8909-ec3b178f8987">
      <Terms xmlns="http://schemas.microsoft.com/office/infopath/2007/PartnerControls"/>
    </lcf76f155ced4ddcb4097134ff3c332f>
    <TaxCatchAll xmlns="6c3eaf23-7728-4c8c-850e-82e97248f0cc" xsi:nil="true"/>
    <Description xmlns="8a7ec5b1-2b6f-4b05-8909-ec3b178f8987" xsi:nil="true"/>
    <_Flow_SignoffStatus xmlns="8a7ec5b1-2b6f-4b05-8909-ec3b178f8987"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D16F47B-0FCF-454A-A78B-34235C0F657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a7ec5b1-2b6f-4b05-8909-ec3b178f8987"/>
    <ds:schemaRef ds:uri="6c3eaf23-7728-4c8c-850e-82e97248f0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7450086-2BE4-4776-9301-75D686B44644}">
  <ds:schemaRefs>
    <ds:schemaRef ds:uri="http://schemas.microsoft.com/office/2006/metadata/properties"/>
    <ds:schemaRef ds:uri="http://schemas.microsoft.com/office/infopath/2007/PartnerControls"/>
    <ds:schemaRef ds:uri="8a7ec5b1-2b6f-4b05-8909-ec3b178f8987"/>
    <ds:schemaRef ds:uri="6c3eaf23-7728-4c8c-850e-82e97248f0cc"/>
  </ds:schemaRefs>
</ds:datastoreItem>
</file>

<file path=customXml/itemProps3.xml><?xml version="1.0" encoding="utf-8"?>
<ds:datastoreItem xmlns:ds="http://schemas.openxmlformats.org/officeDocument/2006/customXml" ds:itemID="{5233EB39-BD87-4421-970C-1D8CFC21A0C2}">
  <ds:schemaRefs>
    <ds:schemaRef ds:uri="http://schemas.microsoft.com/sharepoint/v3/contenttype/forms"/>
  </ds:schemaRefs>
</ds:datastoreItem>
</file>

<file path=docMetadata/LabelInfo.xml><?xml version="1.0" encoding="utf-8"?>
<clbl:labelList xmlns:clbl="http://schemas.microsoft.com/office/2020/mipLabelMetadata">
  <clbl:label id="{42f7676c-f455-423c-82f6-dc2d99791af7}" enabled="0" method="" siteId="{42f7676c-f455-423c-82f6-dc2d99791af7}"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8</vt:i4>
      </vt:variant>
    </vt:vector>
  </HeadingPairs>
  <TitlesOfParts>
    <vt:vector size="18" baseType="lpstr">
      <vt:lpstr>Cover</vt:lpstr>
      <vt:lpstr>Version History</vt:lpstr>
      <vt:lpstr>X12 Envelope</vt:lpstr>
      <vt:lpstr>Process</vt:lpstr>
      <vt:lpstr>850 Consignment PO</vt:lpstr>
      <vt:lpstr>855 Order Confirmation</vt:lpstr>
      <vt:lpstr>856 Ship Notice</vt:lpstr>
      <vt:lpstr>861 Goods Receipt</vt:lpstr>
      <vt:lpstr>846 Consignment Movement</vt:lpstr>
      <vt:lpstr>810 Invoice</vt:lpstr>
      <vt:lpstr>Purchase Order</vt:lpstr>
      <vt:lpstr>Order Confirmation</vt:lpstr>
      <vt:lpstr>Ship Notice</vt:lpstr>
      <vt:lpstr>Goods Receipt</vt:lpstr>
      <vt:lpstr>Consignment Movement</vt:lpstr>
      <vt:lpstr>Invoice</vt:lpstr>
      <vt:lpstr>Support</vt:lpstr>
      <vt:lpstr>Closure Cover </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nion Pacific - Consignment SCC B2B Integration guides</dc:title>
  <dc:subject/>
  <dc:creator>Stewart, Jennifer</dc:creator>
  <cp:keywords/>
  <dc:description/>
  <cp:lastModifiedBy>Nitin Agarwal</cp:lastModifiedBy>
  <cp:revision/>
  <dcterms:created xsi:type="dcterms:W3CDTF">2021-12-22T21:31:06Z</dcterms:created>
  <dcterms:modified xsi:type="dcterms:W3CDTF">2024-07-03T15:21:0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21BC9D48F97B42836CABF265F8BA96</vt:lpwstr>
  </property>
  <property fmtid="{D5CDD505-2E9C-101B-9397-08002B2CF9AE}" pid="3" name="MediaServiceImageTags">
    <vt:lpwstr/>
  </property>
</Properties>
</file>